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png" ContentType="image/png"/>
  <Default Extension="rels" ContentType="application/vnd.openxmlformats-package.relationships+xml"/>
  <Default Extension="svg" ContentType="image/svg+xml"/>
  <Default Extension="vml" ContentType="application/vnd.openxmlformats-officedocument.vmlDrawing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tags/tag2.xml" ContentType="application/vnd.openxmlformats-officedocument.presentationml.tags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theme/theme2.xml" ContentType="application/vnd.openxmlformats-officedocument.theme+xml"/>
  <Override PartName="/ppt/tags/tag3.xml" ContentType="application/vnd.openxmlformats-officedocument.presentationml.tags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theme/theme3.xml" ContentType="application/vnd.openxmlformats-officedocument.theme+xml"/>
  <Override PartName="/ppt/tags/tag4.xml" ContentType="application/vnd.openxmlformats-officedocument.presentationml.tags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theme/theme4.xml" ContentType="application/vnd.openxmlformats-officedocument.theme+xml"/>
  <Override PartName="/ppt/tags/tag5.xml" ContentType="application/vnd.openxmlformats-officedocument.presentationml.tags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theme/theme5.xml" ContentType="application/vnd.openxmlformats-officedocument.theme+xml"/>
  <Override PartName="/ppt/tags/tag6.xml" ContentType="application/vnd.openxmlformats-officedocument.presentationml.tags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theme/theme6.xml" ContentType="application/vnd.openxmlformats-officedocument.theme+xml"/>
  <Override PartName="/ppt/tags/tag7.xml" ContentType="application/vnd.openxmlformats-officedocument.presentationml.tags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theme/theme7.xml" ContentType="application/vnd.openxmlformats-officedocument.theme+xml"/>
  <Override PartName="/ppt/tags/tag8.xml" ContentType="application/vnd.openxmlformats-officedocument.presentationml.tags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slideLayouts/slideLayout127.xml" ContentType="application/vnd.openxmlformats-officedocument.presentationml.slideLayout+xml"/>
  <Override PartName="/ppt/slideLayouts/slideLayout128.xml" ContentType="application/vnd.openxmlformats-officedocument.presentationml.slideLayout+xml"/>
  <Override PartName="/ppt/slideLayouts/slideLayout129.xml" ContentType="application/vnd.openxmlformats-officedocument.presentationml.slideLayout+xml"/>
  <Override PartName="/ppt/slideLayouts/slideLayout130.xml" ContentType="application/vnd.openxmlformats-officedocument.presentationml.slideLayout+xml"/>
  <Override PartName="/ppt/slideLayouts/slideLayout131.xml" ContentType="application/vnd.openxmlformats-officedocument.presentationml.slideLayout+xml"/>
  <Override PartName="/ppt/slideLayouts/slideLayout132.xml" ContentType="application/vnd.openxmlformats-officedocument.presentationml.slideLayout+xml"/>
  <Override PartName="/ppt/slideLayouts/slideLayout133.xml" ContentType="application/vnd.openxmlformats-officedocument.presentationml.slideLayout+xml"/>
  <Override PartName="/ppt/slideLayouts/slideLayout134.xml" ContentType="application/vnd.openxmlformats-officedocument.presentationml.slideLayout+xml"/>
  <Override PartName="/ppt/theme/theme8.xml" ContentType="application/vnd.openxmlformats-officedocument.theme+xml"/>
  <Override PartName="/ppt/tags/tag9.xml" ContentType="application/vnd.openxmlformats-officedocument.presentationml.tags+xml"/>
  <Override PartName="/ppt/slideLayouts/slideLayout135.xml" ContentType="application/vnd.openxmlformats-officedocument.presentationml.slideLayout+xml"/>
  <Override PartName="/ppt/slideLayouts/slideLayout136.xml" ContentType="application/vnd.openxmlformats-officedocument.presentationml.slideLayout+xml"/>
  <Override PartName="/ppt/slideLayouts/slideLayout137.xml" ContentType="application/vnd.openxmlformats-officedocument.presentationml.slideLayout+xml"/>
  <Override PartName="/ppt/slideLayouts/slideLayout138.xml" ContentType="application/vnd.openxmlformats-officedocument.presentationml.slideLayout+xml"/>
  <Override PartName="/ppt/slideLayouts/slideLayout139.xml" ContentType="application/vnd.openxmlformats-officedocument.presentationml.slideLayout+xml"/>
  <Override PartName="/ppt/slideLayouts/slideLayout140.xml" ContentType="application/vnd.openxmlformats-officedocument.presentationml.slideLayout+xml"/>
  <Override PartName="/ppt/slideLayouts/slideLayout141.xml" ContentType="application/vnd.openxmlformats-officedocument.presentationml.slideLayout+xml"/>
  <Override PartName="/ppt/slideLayouts/slideLayout142.xml" ContentType="application/vnd.openxmlformats-officedocument.presentationml.slideLayout+xml"/>
  <Override PartName="/ppt/slideLayouts/slideLayout143.xml" ContentType="application/vnd.openxmlformats-officedocument.presentationml.slideLayout+xml"/>
  <Override PartName="/ppt/slideLayouts/slideLayout144.xml" ContentType="application/vnd.openxmlformats-officedocument.presentationml.slideLayout+xml"/>
  <Override PartName="/ppt/slideLayouts/slideLayout145.xml" ContentType="application/vnd.openxmlformats-officedocument.presentationml.slideLayout+xml"/>
  <Override PartName="/ppt/slideLayouts/slideLayout146.xml" ContentType="application/vnd.openxmlformats-officedocument.presentationml.slideLayout+xml"/>
  <Override PartName="/ppt/slideLayouts/slideLayout147.xml" ContentType="application/vnd.openxmlformats-officedocument.presentationml.slideLayout+xml"/>
  <Override PartName="/ppt/slideLayouts/slideLayout148.xml" ContentType="application/vnd.openxmlformats-officedocument.presentationml.slideLayout+xml"/>
  <Override PartName="/ppt/slideLayouts/slideLayout149.xml" ContentType="application/vnd.openxmlformats-officedocument.presentationml.slideLayout+xml"/>
  <Override PartName="/ppt/slideLayouts/slideLayout150.xml" ContentType="application/vnd.openxmlformats-officedocument.presentationml.slideLayout+xml"/>
  <Override PartName="/ppt/slideLayouts/slideLayout151.xml" ContentType="application/vnd.openxmlformats-officedocument.presentationml.slideLayout+xml"/>
  <Override PartName="/ppt/slideLayouts/slideLayout152.xml" ContentType="application/vnd.openxmlformats-officedocument.presentationml.slideLayout+xml"/>
  <Override PartName="/ppt/slideLayouts/slideLayout153.xml" ContentType="application/vnd.openxmlformats-officedocument.presentationml.slideLayout+xml"/>
  <Override PartName="/ppt/slideLayouts/slideLayout154.xml" ContentType="application/vnd.openxmlformats-officedocument.presentationml.slideLayout+xml"/>
  <Override PartName="/ppt/slideLayouts/slideLayout155.xml" ContentType="application/vnd.openxmlformats-officedocument.presentationml.slideLayout+xml"/>
  <Override PartName="/ppt/slideLayouts/slideLayout156.xml" ContentType="application/vnd.openxmlformats-officedocument.presentationml.slideLayout+xml"/>
  <Override PartName="/ppt/slideLayouts/slideLayout157.xml" ContentType="application/vnd.openxmlformats-officedocument.presentationml.slideLayout+xml"/>
  <Override PartName="/ppt/slideLayouts/slideLayout158.xml" ContentType="application/vnd.openxmlformats-officedocument.presentationml.slideLayout+xml"/>
  <Override PartName="/ppt/slideLayouts/slideLayout159.xml" ContentType="application/vnd.openxmlformats-officedocument.presentationml.slideLayout+xml"/>
  <Override PartName="/ppt/slideLayouts/slideLayout160.xml" ContentType="application/vnd.openxmlformats-officedocument.presentationml.slideLayout+xml"/>
  <Override PartName="/ppt/slideLayouts/slideLayout161.xml" ContentType="application/vnd.openxmlformats-officedocument.presentationml.slideLayout+xml"/>
  <Override PartName="/ppt/slideLayouts/slideLayout162.xml" ContentType="application/vnd.openxmlformats-officedocument.presentationml.slideLayout+xml"/>
  <Override PartName="/ppt/slideLayouts/slideLayout163.xml" ContentType="application/vnd.openxmlformats-officedocument.presentationml.slideLayout+xml"/>
  <Override PartName="/ppt/slideLayouts/slideLayout164.xml" ContentType="application/vnd.openxmlformats-officedocument.presentationml.slideLayout+xml"/>
  <Override PartName="/ppt/slideLayouts/slideLayout165.xml" ContentType="application/vnd.openxmlformats-officedocument.presentationml.slideLayout+xml"/>
  <Override PartName="/ppt/slideLayouts/slideLayout166.xml" ContentType="application/vnd.openxmlformats-officedocument.presentationml.slideLayout+xml"/>
  <Override PartName="/ppt/slideLayouts/slideLayout167.xml" ContentType="application/vnd.openxmlformats-officedocument.presentationml.slideLayout+xml"/>
  <Override PartName="/ppt/slideLayouts/slideLayout168.xml" ContentType="application/vnd.openxmlformats-officedocument.presentationml.slideLayout+xml"/>
  <Override PartName="/ppt/slideLayouts/slideLayout169.xml" ContentType="application/vnd.openxmlformats-officedocument.presentationml.slideLayout+xml"/>
  <Override PartName="/ppt/slideLayouts/slideLayout170.xml" ContentType="application/vnd.openxmlformats-officedocument.presentationml.slideLayout+xml"/>
  <Override PartName="/ppt/slideLayouts/slideLayout171.xml" ContentType="application/vnd.openxmlformats-officedocument.presentationml.slideLayout+xml"/>
  <Override PartName="/ppt/slideLayouts/slideLayout172.xml" ContentType="application/vnd.openxmlformats-officedocument.presentationml.slideLayout+xml"/>
  <Override PartName="/ppt/slideLayouts/slideLayout173.xml" ContentType="application/vnd.openxmlformats-officedocument.presentationml.slideLayout+xml"/>
  <Override PartName="/ppt/slideLayouts/slideLayout174.xml" ContentType="application/vnd.openxmlformats-officedocument.presentationml.slideLayout+xml"/>
  <Override PartName="/ppt/slideLayouts/slideLayout175.xml" ContentType="application/vnd.openxmlformats-officedocument.presentationml.slideLayout+xml"/>
  <Override PartName="/ppt/slideLayouts/slideLayout176.xml" ContentType="application/vnd.openxmlformats-officedocument.presentationml.slideLayout+xml"/>
  <Override PartName="/ppt/slideLayouts/slideLayout177.xml" ContentType="application/vnd.openxmlformats-officedocument.presentationml.slideLayout+xml"/>
  <Override PartName="/ppt/slideLayouts/slideLayout178.xml" ContentType="application/vnd.openxmlformats-officedocument.presentationml.slideLayout+xml"/>
  <Override PartName="/ppt/slideLayouts/slideLayout179.xml" ContentType="application/vnd.openxmlformats-officedocument.presentationml.slideLayout+xml"/>
  <Override PartName="/ppt/slideLayouts/slideLayout180.xml" ContentType="application/vnd.openxmlformats-officedocument.presentationml.slideLayout+xml"/>
  <Override PartName="/ppt/slideLayouts/slideLayout181.xml" ContentType="application/vnd.openxmlformats-officedocument.presentationml.slideLayout+xml"/>
  <Override PartName="/ppt/slideLayouts/slideLayout182.xml" ContentType="application/vnd.openxmlformats-officedocument.presentationml.slideLayout+xml"/>
  <Override PartName="/ppt/slideLayouts/slideLayout183.xml" ContentType="application/vnd.openxmlformats-officedocument.presentationml.slideLayout+xml"/>
  <Override PartName="/ppt/slideLayouts/slideLayout184.xml" ContentType="application/vnd.openxmlformats-officedocument.presentationml.slideLayout+xml"/>
  <Override PartName="/ppt/slideLayouts/slideLayout185.xml" ContentType="application/vnd.openxmlformats-officedocument.presentationml.slideLayout+xml"/>
  <Override PartName="/ppt/slideLayouts/slideLayout186.xml" ContentType="application/vnd.openxmlformats-officedocument.presentationml.slideLayout+xml"/>
  <Override PartName="/ppt/slideLayouts/slideLayout187.xml" ContentType="application/vnd.openxmlformats-officedocument.presentationml.slideLayout+xml"/>
  <Override PartName="/ppt/slideLayouts/slideLayout188.xml" ContentType="application/vnd.openxmlformats-officedocument.presentationml.slideLayout+xml"/>
  <Override PartName="/ppt/theme/theme9.xml" ContentType="application/vnd.openxmlformats-officedocument.theme+xml"/>
  <Override PartName="/ppt/tags/tag10.xml" ContentType="application/vnd.openxmlformats-officedocument.presentationml.tags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theme/theme10.xml" ContentType="application/vnd.openxmlformats-officedocument.theme+xml"/>
  <Override PartName="/ppt/theme/theme11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4"/>
    <p:sldMasterId id="2147483811" r:id="rId5"/>
    <p:sldMasterId id="2147483823" r:id="rId6"/>
    <p:sldMasterId id="2147483835" r:id="rId7"/>
    <p:sldMasterId id="2147483847" r:id="rId8"/>
    <p:sldMasterId id="2147483860" r:id="rId9"/>
    <p:sldMasterId id="2147483873" r:id="rId10"/>
    <p:sldMasterId id="2147483886" r:id="rId11"/>
    <p:sldMasterId id="2147484084" r:id="rId12"/>
  </p:sldMasterIdLst>
  <p:notesMasterIdLst>
    <p:notesMasterId r:id="rId20"/>
  </p:notesMasterIdLst>
  <p:handoutMasterIdLst>
    <p:handoutMasterId r:id="rId21"/>
  </p:handoutMasterIdLst>
  <p:sldIdLst>
    <p:sldId id="2145706588" r:id="rId13"/>
    <p:sldId id="2145706611" r:id="rId14"/>
    <p:sldId id="2145706628" r:id="rId15"/>
    <p:sldId id="2145706610" r:id="rId16"/>
    <p:sldId id="2145706656" r:id="rId17"/>
    <p:sldId id="2145706657" r:id="rId18"/>
    <p:sldId id="2145706487" r:id="rId19"/>
  </p:sldIdLst>
  <p:sldSz cx="12192000" cy="6858000"/>
  <p:notesSz cx="6858000" cy="9144000"/>
  <p:embeddedFontLst>
    <p:embeddedFont>
      <p:font typeface="Calibri" panose="020F0502020204030204" pitchFamily="34" charset="0"/>
      <p:regular r:id="rId22"/>
      <p:bold r:id="rId23"/>
      <p:italic r:id="rId24"/>
      <p:boldItalic r:id="rId25"/>
    </p:embeddedFont>
    <p:embeddedFont>
      <p:font typeface="Calibri Light" panose="020F0302020204030204" pitchFamily="34" charset="0"/>
      <p:regular r:id="rId26"/>
      <p:italic r:id="rId27"/>
    </p:embeddedFont>
    <p:embeddedFont>
      <p:font typeface="Montserrat"/>
      <p:regular r:id="rId28"/>
      <p:bold r:id="rId29"/>
      <p:italic r:id="rId30"/>
      <p:boldItalic r:id="rId31"/>
    </p:embeddedFont>
    <p:embeddedFont>
      <p:font typeface="Montserrat SemiBold"/>
      <p:bold r:id="rId32"/>
      <p:boldItalic r:id="rId33"/>
    </p:embeddedFont>
    <p:embeddedFont>
      <p:font typeface="Poppins Black"/>
      <p:bold r:id="rId34"/>
      <p:boldItalic r:id="rId35"/>
    </p:embeddedFont>
    <p:embeddedFont>
      <p:font typeface="Poppins ExtraBold" panose="00000900000000000000"/>
      <p:bold r:id="rId36"/>
      <p:boldItalic r:id="rId37"/>
    </p:embeddedFont>
    <p:embeddedFont>
      <p:font typeface="Poppins ExtraLight"/>
      <p:regular r:id="rId38"/>
      <p:italic r:id="rId39"/>
    </p:embeddedFont>
    <p:embeddedFont>
      <p:font typeface="Poppins SemiBold" panose="00000700000000000000"/>
      <p:bold r:id="rId40"/>
      <p:boldItalic r:id="rId41"/>
    </p:embeddedFont>
    <p:embeddedFont>
      <p:font typeface="Roboto Light"/>
      <p:regular r:id="rId42"/>
      <p:italic r:id="rId43"/>
    </p:embeddedFont>
    <p:embeddedFont>
      <p:font typeface="Verdana" panose="020B0604030504040204" pitchFamily="34" charset="0"/>
      <p:regular r:id="rId44"/>
      <p:bold r:id="rId45"/>
      <p:italic r:id="rId46"/>
      <p:boldItalic r:id="rId47"/>
    </p:embeddedFont>
    <p:embeddedFont>
      <p:font typeface="Wingdings 2" panose="05020102010507070707" pitchFamily="18" charset="2"/>
      <p:regular r:id="rId48"/>
    </p:embeddedFont>
  </p:embeddedFontLst>
  <p:custDataLst>
    <p:tags r:id="rId49"/>
  </p:custDataLst>
  <p:defaultTextStyle>
    <a:defPPr>
      <a:defRPr lang="fi-FI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Oletusosa" id="{9C9C71E9-FCDC-46B8-AB1D-2663999325D4}">
          <p14:sldIdLst>
            <p14:sldId id="2145706588"/>
          </p14:sldIdLst>
        </p14:section>
        <p14:section name="Nimetön osa" id="{65E8435A-E397-442A-9738-75FE5969806E}">
          <p14:sldIdLst>
            <p14:sldId id="2145706611"/>
            <p14:sldId id="2145706628"/>
            <p14:sldId id="2145706610"/>
            <p14:sldId id="2145706656"/>
            <p14:sldId id="2145706657"/>
            <p14:sldId id="2145706487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Sarkka-Hietala, Minni" initials="SHM" lastIdx="1" clrIdx="0">
    <p:extLst>
      <p:ext uri="{19B8F6BF-5375-455C-9EA6-DF929625EA0E}">
        <p15:presenceInfo xmlns:p15="http://schemas.microsoft.com/office/powerpoint/2012/main" userId="S::minni.sarkka-hietala@deloitte.fi::a87db7ec-a367-4b3c-8be5-d4ecb5482af6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3E0EC"/>
    <a:srgbClr val="EBE1EA"/>
    <a:srgbClr val="FF0066"/>
    <a:srgbClr val="FF33CC"/>
    <a:srgbClr val="CCFFCC"/>
    <a:srgbClr val="00CCFF"/>
    <a:srgbClr val="669900"/>
    <a:srgbClr val="CCCCFF"/>
    <a:srgbClr val="CCFFFF"/>
    <a:srgbClr val="FFC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D27102A9-8310-4765-A935-A1911B00CA55}" styleName="Light Style 1 - Accent 4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E8B1032C-EA38-4F05-BA0D-38AFFFC7BED3}" styleName="Light Style 3 - Accent 6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68D230F3-CF80-4859-8CE7-A43EE81993B5}" styleName="Light Style 1 - Accent 6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0E3FDE45-AF77-4B5C-9715-49D594BDF05E}" styleName="Light Style 1 - Accent 2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3302" autoAdjust="0"/>
  </p:normalViewPr>
  <p:slideViewPr>
    <p:cSldViewPr snapToGrid="0">
      <p:cViewPr varScale="1">
        <p:scale>
          <a:sx n="68" d="100"/>
          <a:sy n="68" d="100"/>
        </p:scale>
        <p:origin x="726" y="5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.xml"/><Relationship Id="rId18" Type="http://schemas.openxmlformats.org/officeDocument/2006/relationships/slide" Target="slides/slide6.xml"/><Relationship Id="rId26" Type="http://schemas.openxmlformats.org/officeDocument/2006/relationships/font" Target="fonts/font5.fntdata"/><Relationship Id="rId39" Type="http://schemas.openxmlformats.org/officeDocument/2006/relationships/font" Target="fonts/font18.fntdata"/><Relationship Id="rId3" Type="http://schemas.openxmlformats.org/officeDocument/2006/relationships/customXml" Target="../customXml/item3.xml"/><Relationship Id="rId21" Type="http://schemas.openxmlformats.org/officeDocument/2006/relationships/handoutMaster" Target="handoutMasters/handoutMaster1.xml"/><Relationship Id="rId34" Type="http://schemas.openxmlformats.org/officeDocument/2006/relationships/font" Target="fonts/font13.fntdata"/><Relationship Id="rId42" Type="http://schemas.openxmlformats.org/officeDocument/2006/relationships/font" Target="fonts/font21.fntdata"/><Relationship Id="rId47" Type="http://schemas.openxmlformats.org/officeDocument/2006/relationships/font" Target="fonts/font26.fntdata"/><Relationship Id="rId50" Type="http://schemas.openxmlformats.org/officeDocument/2006/relationships/commentAuthors" Target="commentAuthors.xml"/><Relationship Id="rId7" Type="http://schemas.openxmlformats.org/officeDocument/2006/relationships/slideMaster" Target="slideMasters/slideMaster4.xml"/><Relationship Id="rId12" Type="http://schemas.openxmlformats.org/officeDocument/2006/relationships/slideMaster" Target="slideMasters/slideMaster9.xml"/><Relationship Id="rId17" Type="http://schemas.openxmlformats.org/officeDocument/2006/relationships/slide" Target="slides/slide5.xml"/><Relationship Id="rId25" Type="http://schemas.openxmlformats.org/officeDocument/2006/relationships/font" Target="fonts/font4.fntdata"/><Relationship Id="rId33" Type="http://schemas.openxmlformats.org/officeDocument/2006/relationships/font" Target="fonts/font12.fntdata"/><Relationship Id="rId38" Type="http://schemas.openxmlformats.org/officeDocument/2006/relationships/font" Target="fonts/font17.fntdata"/><Relationship Id="rId46" Type="http://schemas.openxmlformats.org/officeDocument/2006/relationships/font" Target="fonts/font25.fntdata"/><Relationship Id="rId2" Type="http://schemas.openxmlformats.org/officeDocument/2006/relationships/customXml" Target="../customXml/item2.xml"/><Relationship Id="rId16" Type="http://schemas.openxmlformats.org/officeDocument/2006/relationships/slide" Target="slides/slide4.xml"/><Relationship Id="rId20" Type="http://schemas.openxmlformats.org/officeDocument/2006/relationships/notesMaster" Target="notesMasters/notesMaster1.xml"/><Relationship Id="rId29" Type="http://schemas.openxmlformats.org/officeDocument/2006/relationships/font" Target="fonts/font8.fntdata"/><Relationship Id="rId41" Type="http://schemas.openxmlformats.org/officeDocument/2006/relationships/font" Target="fonts/font20.fntdata"/><Relationship Id="rId54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Master" Target="slideMasters/slideMaster8.xml"/><Relationship Id="rId24" Type="http://schemas.openxmlformats.org/officeDocument/2006/relationships/font" Target="fonts/font3.fntdata"/><Relationship Id="rId32" Type="http://schemas.openxmlformats.org/officeDocument/2006/relationships/font" Target="fonts/font11.fntdata"/><Relationship Id="rId37" Type="http://schemas.openxmlformats.org/officeDocument/2006/relationships/font" Target="fonts/font16.fntdata"/><Relationship Id="rId40" Type="http://schemas.openxmlformats.org/officeDocument/2006/relationships/font" Target="fonts/font19.fntdata"/><Relationship Id="rId45" Type="http://schemas.openxmlformats.org/officeDocument/2006/relationships/font" Target="fonts/font24.fntdata"/><Relationship Id="rId53" Type="http://schemas.openxmlformats.org/officeDocument/2006/relationships/theme" Target="theme/theme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3.xml"/><Relationship Id="rId23" Type="http://schemas.openxmlformats.org/officeDocument/2006/relationships/font" Target="fonts/font2.fntdata"/><Relationship Id="rId28" Type="http://schemas.openxmlformats.org/officeDocument/2006/relationships/font" Target="fonts/font7.fntdata"/><Relationship Id="rId36" Type="http://schemas.openxmlformats.org/officeDocument/2006/relationships/font" Target="fonts/font15.fntdata"/><Relationship Id="rId49" Type="http://schemas.openxmlformats.org/officeDocument/2006/relationships/tags" Target="tags/tag1.xml"/><Relationship Id="rId10" Type="http://schemas.openxmlformats.org/officeDocument/2006/relationships/slideMaster" Target="slideMasters/slideMaster7.xml"/><Relationship Id="rId19" Type="http://schemas.openxmlformats.org/officeDocument/2006/relationships/slide" Target="slides/slide7.xml"/><Relationship Id="rId31" Type="http://schemas.openxmlformats.org/officeDocument/2006/relationships/font" Target="fonts/font10.fntdata"/><Relationship Id="rId44" Type="http://schemas.openxmlformats.org/officeDocument/2006/relationships/font" Target="fonts/font23.fntdata"/><Relationship Id="rId52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slideMaster" Target="slideMasters/slideMaster6.xml"/><Relationship Id="rId14" Type="http://schemas.openxmlformats.org/officeDocument/2006/relationships/slide" Target="slides/slide2.xml"/><Relationship Id="rId22" Type="http://schemas.openxmlformats.org/officeDocument/2006/relationships/font" Target="fonts/font1.fntdata"/><Relationship Id="rId27" Type="http://schemas.openxmlformats.org/officeDocument/2006/relationships/font" Target="fonts/font6.fntdata"/><Relationship Id="rId30" Type="http://schemas.openxmlformats.org/officeDocument/2006/relationships/font" Target="fonts/font9.fntdata"/><Relationship Id="rId35" Type="http://schemas.openxmlformats.org/officeDocument/2006/relationships/font" Target="fonts/font14.fntdata"/><Relationship Id="rId43" Type="http://schemas.openxmlformats.org/officeDocument/2006/relationships/font" Target="fonts/font22.fntdata"/><Relationship Id="rId48" Type="http://schemas.openxmlformats.org/officeDocument/2006/relationships/font" Target="fonts/font27.fntdata"/><Relationship Id="rId8" Type="http://schemas.openxmlformats.org/officeDocument/2006/relationships/slideMaster" Target="slideMasters/slideMaster5.xml"/><Relationship Id="rId51" Type="http://schemas.openxmlformats.org/officeDocument/2006/relationships/presProps" Target="presProp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3.xlsx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fi-FI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err="1">
                <a:latin typeface="Poppins ExtraBold" panose="00000900000000000000" pitchFamily="2" charset="0"/>
                <a:cs typeface="Poppins ExtraBold" panose="00000900000000000000" pitchFamily="2" charset="0"/>
              </a:rPr>
              <a:t>Otsikko</a:t>
            </a:r>
            <a:endParaRPr lang="en-US">
              <a:latin typeface="Poppins ExtraBold" panose="00000900000000000000" pitchFamily="2" charset="0"/>
              <a:cs typeface="Poppins ExtraBold" panose="00000900000000000000" pitchFamily="2" charset="0"/>
            </a:endParaRP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fi-FI"/>
        </a:p>
      </c:txPr>
    </c:title>
    <c:autoTitleDeleted val="0"/>
    <c:plotArea>
      <c:layout/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Otsikko</c:v>
                </c:pt>
              </c:strCache>
            </c:strRef>
          </c:tx>
          <c:explosion val="1"/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4CB7-4791-A73E-4A68E1AE518C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4CB7-4791-A73E-4A68E1AE518C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4CB7-4791-A73E-4A68E1AE518C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4CB7-4791-A73E-4A68E1AE518C}"/>
              </c:ext>
            </c:extLst>
          </c:dPt>
          <c:cat>
            <c:strRef>
              <c:f>Sheet1!$A$2:$A$5</c:f>
              <c:strCache>
                <c:ptCount val="4"/>
                <c:pt idx="0">
                  <c:v>1. Arvo</c:v>
                </c:pt>
                <c:pt idx="1">
                  <c:v>2. Arvo</c:v>
                </c:pt>
                <c:pt idx="2">
                  <c:v>3. Arvo</c:v>
                </c:pt>
                <c:pt idx="3">
                  <c:v>4. Arvo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8.1999999999999993</c:v>
                </c:pt>
                <c:pt idx="1">
                  <c:v>3.2</c:v>
                </c:pt>
                <c:pt idx="2">
                  <c:v>1.4</c:v>
                </c:pt>
                <c:pt idx="3">
                  <c:v>1.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7B0C-420B-8DDE-C48B689B0C4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Arial" panose="020B0604020202020204" pitchFamily="34" charset="0"/>
            </a:defRPr>
          </a:pPr>
          <a:endParaRPr lang="fi-FI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fi-FI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fi-FI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Poppins ExtraBold" panose="00000900000000000000" pitchFamily="2" charset="0"/>
              <a:ea typeface="+mn-ea"/>
              <a:cs typeface="Poppins ExtraBold" panose="00000900000000000000" pitchFamily="2" charset="0"/>
            </a:defRPr>
          </a:pPr>
          <a:endParaRPr lang="fi-FI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Otsikko</c:v>
                </c:pt>
              </c:strCache>
            </c:strRef>
          </c:tx>
          <c:spPr>
            <a:solidFill>
              <a:schemeClr val="accent1"/>
            </a:solidFill>
            <a:ln w="19050">
              <a:solidFill>
                <a:schemeClr val="lt1"/>
              </a:solidFill>
            </a:ln>
            <a:effectLst/>
          </c:spPr>
          <c:invertIfNegative val="0"/>
          <c:dPt>
            <c:idx val="0"/>
            <c:invertIfNegative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AF11-4B94-9622-BFE5B72FC45B}"/>
              </c:ext>
            </c:extLst>
          </c:dPt>
          <c:dPt>
            <c:idx val="1"/>
            <c:invertIfNegative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AF11-4B94-9622-BFE5B72FC45B}"/>
              </c:ext>
            </c:extLst>
          </c:dPt>
          <c:dPt>
            <c:idx val="2"/>
            <c:invertIfNegative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AF11-4B94-9622-BFE5B72FC45B}"/>
              </c:ext>
            </c:extLst>
          </c:dPt>
          <c:dPt>
            <c:idx val="3"/>
            <c:invertIfNegative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AF11-4B94-9622-BFE5B72FC45B}"/>
              </c:ext>
            </c:extLst>
          </c:dPt>
          <c:cat>
            <c:strRef>
              <c:f>Sheet1!$A$2:$A$5</c:f>
              <c:strCache>
                <c:ptCount val="4"/>
                <c:pt idx="0">
                  <c:v>1. Arvo</c:v>
                </c:pt>
                <c:pt idx="1">
                  <c:v>2. Arvo</c:v>
                </c:pt>
                <c:pt idx="2">
                  <c:v>3. Arvo</c:v>
                </c:pt>
                <c:pt idx="3">
                  <c:v>4. Arvo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8.1999999999999993</c:v>
                </c:pt>
                <c:pt idx="1">
                  <c:v>3.2</c:v>
                </c:pt>
                <c:pt idx="2">
                  <c:v>1.4</c:v>
                </c:pt>
                <c:pt idx="3">
                  <c:v>1.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7B0C-420B-8DDE-C48B689B0C4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00"/>
        <c:axId val="473923376"/>
        <c:axId val="473925344"/>
      </c:barChart>
      <c:catAx>
        <c:axId val="473923376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Arial" panose="020B0604020202020204" pitchFamily="34" charset="0"/>
              </a:defRPr>
            </a:pPr>
            <a:endParaRPr lang="fi-FI"/>
          </a:p>
        </c:txPr>
        <c:crossAx val="473925344"/>
        <c:crosses val="autoZero"/>
        <c:auto val="1"/>
        <c:lblAlgn val="ctr"/>
        <c:lblOffset val="100"/>
        <c:noMultiLvlLbl val="0"/>
      </c:catAx>
      <c:valAx>
        <c:axId val="473925344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fi-FI"/>
          </a:p>
        </c:txPr>
        <c:crossAx val="47392337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Arial" panose="020B0604020202020204" pitchFamily="34" charset="0"/>
            </a:defRPr>
          </a:pPr>
          <a:endParaRPr lang="fi-FI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fi-FI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fi-FI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err="1">
                <a:latin typeface="Poppins ExtraBold" panose="00000900000000000000" pitchFamily="2" charset="0"/>
                <a:cs typeface="Poppins ExtraBold" panose="00000900000000000000" pitchFamily="2" charset="0"/>
              </a:rPr>
              <a:t>Otsikko</a:t>
            </a:r>
            <a:endParaRPr lang="en-US">
              <a:latin typeface="Poppins ExtraBold" panose="00000900000000000000" pitchFamily="2" charset="0"/>
              <a:cs typeface="Poppins ExtraBold" panose="00000900000000000000" pitchFamily="2" charset="0"/>
            </a:endParaRP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fi-FI"/>
        </a:p>
      </c:txPr>
    </c:title>
    <c:autoTitleDeleted val="0"/>
    <c:plotArea>
      <c:layout/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Otsikko</c:v>
                </c:pt>
              </c:strCache>
            </c:strRef>
          </c:tx>
          <c:explosion val="1"/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4CB7-4791-A73E-4A68E1AE518C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4CB7-4791-A73E-4A68E1AE518C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4CB7-4791-A73E-4A68E1AE518C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4CB7-4791-A73E-4A68E1AE518C}"/>
              </c:ext>
            </c:extLst>
          </c:dPt>
          <c:cat>
            <c:strRef>
              <c:f>Sheet1!$A$2:$A$5</c:f>
              <c:strCache>
                <c:ptCount val="4"/>
                <c:pt idx="0">
                  <c:v>1. Arvo</c:v>
                </c:pt>
                <c:pt idx="1">
                  <c:v>2. Arvo</c:v>
                </c:pt>
                <c:pt idx="2">
                  <c:v>3. Arvo</c:v>
                </c:pt>
                <c:pt idx="3">
                  <c:v>4. Arvo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8.1999999999999993</c:v>
                </c:pt>
                <c:pt idx="1">
                  <c:v>3.2</c:v>
                </c:pt>
                <c:pt idx="2">
                  <c:v>1.4</c:v>
                </c:pt>
                <c:pt idx="3">
                  <c:v>1.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7B0C-420B-8DDE-C48B689B0C4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Arial" panose="020B0604020202020204" pitchFamily="34" charset="0"/>
            </a:defRPr>
          </a:pPr>
          <a:endParaRPr lang="fi-FI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fi-FI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fi-FI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Poppins ExtraBold" panose="00000900000000000000" pitchFamily="2" charset="0"/>
              <a:ea typeface="+mn-ea"/>
              <a:cs typeface="Poppins ExtraBold" panose="00000900000000000000" pitchFamily="2" charset="0"/>
            </a:defRPr>
          </a:pPr>
          <a:endParaRPr lang="fi-FI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Otsikko</c:v>
                </c:pt>
              </c:strCache>
            </c:strRef>
          </c:tx>
          <c:spPr>
            <a:solidFill>
              <a:schemeClr val="accent1"/>
            </a:solidFill>
            <a:ln w="19050">
              <a:solidFill>
                <a:schemeClr val="lt1"/>
              </a:solidFill>
            </a:ln>
            <a:effectLst/>
          </c:spPr>
          <c:invertIfNegative val="0"/>
          <c:dPt>
            <c:idx val="0"/>
            <c:invertIfNegative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AF11-4B94-9622-BFE5B72FC45B}"/>
              </c:ext>
            </c:extLst>
          </c:dPt>
          <c:dPt>
            <c:idx val="1"/>
            <c:invertIfNegative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AF11-4B94-9622-BFE5B72FC45B}"/>
              </c:ext>
            </c:extLst>
          </c:dPt>
          <c:dPt>
            <c:idx val="2"/>
            <c:invertIfNegative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AF11-4B94-9622-BFE5B72FC45B}"/>
              </c:ext>
            </c:extLst>
          </c:dPt>
          <c:dPt>
            <c:idx val="3"/>
            <c:invertIfNegative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AF11-4B94-9622-BFE5B72FC45B}"/>
              </c:ext>
            </c:extLst>
          </c:dPt>
          <c:cat>
            <c:strRef>
              <c:f>Sheet1!$A$2:$A$5</c:f>
              <c:strCache>
                <c:ptCount val="4"/>
                <c:pt idx="0">
                  <c:v>1. Arvo</c:v>
                </c:pt>
                <c:pt idx="1">
                  <c:v>2. Arvo</c:v>
                </c:pt>
                <c:pt idx="2">
                  <c:v>3. Arvo</c:v>
                </c:pt>
                <c:pt idx="3">
                  <c:v>4. Arvo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8.1999999999999993</c:v>
                </c:pt>
                <c:pt idx="1">
                  <c:v>3.2</c:v>
                </c:pt>
                <c:pt idx="2">
                  <c:v>1.4</c:v>
                </c:pt>
                <c:pt idx="3">
                  <c:v>1.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7B0C-420B-8DDE-C48B689B0C4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00"/>
        <c:axId val="473923376"/>
        <c:axId val="473925344"/>
      </c:barChart>
      <c:catAx>
        <c:axId val="473923376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Arial" panose="020B0604020202020204" pitchFamily="34" charset="0"/>
              </a:defRPr>
            </a:pPr>
            <a:endParaRPr lang="fi-FI"/>
          </a:p>
        </c:txPr>
        <c:crossAx val="473925344"/>
        <c:crosses val="autoZero"/>
        <c:auto val="1"/>
        <c:lblAlgn val="ctr"/>
        <c:lblOffset val="100"/>
        <c:noMultiLvlLbl val="0"/>
      </c:catAx>
      <c:valAx>
        <c:axId val="473925344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fi-FI"/>
          </a:p>
        </c:txPr>
        <c:crossAx val="47392337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Arial" panose="020B0604020202020204" pitchFamily="34" charset="0"/>
            </a:defRPr>
          </a:pPr>
          <a:endParaRPr lang="fi-FI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fi-FI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1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D09A1D90-2062-4389-87F9-585146E5564B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D601021-3A79-4440-B80F-9C75F8D83DCD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D09853A-5794-4DA2-A4AB-D0B3309F55E3}" type="datetimeFigureOut">
              <a:rPr lang="en-US" smtClean="0"/>
              <a:t>3/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5DF46FD-EC29-4A71-8B66-F048A9CE3BA5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A8070E1-5855-4CA1-AA81-014DBD8F1EB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E6BC9D7-328C-4D91-947D-35E3F9B8E50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391284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0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i-FI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8B596AC-646C-44FC-954B-4161BE572F04}" type="datetimeFigureOut">
              <a:rPr lang="fi-FI" smtClean="0"/>
              <a:t>8.3.2022</a:t>
            </a:fld>
            <a:endParaRPr lang="fi-FI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i-FI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i-FI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FD728D0-16EF-4BE3-B2E3-7BACDBE86715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51494886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ian kuvan paikkamerkki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Huomautusten paikkamerkki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 fontAlgn="base"/>
            <a:endParaRPr lang="fi-FI" dirty="0"/>
          </a:p>
        </p:txBody>
      </p:sp>
      <p:sp>
        <p:nvSpPr>
          <p:cNvPr id="4" name="Dian numeron paikkamerkki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D728D0-16EF-4BE3-B2E3-7BACDBE86715}" type="slidenum">
              <a:rPr lang="fi-FI" smtClean="0"/>
              <a:t>2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84834990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ian kuvan paikkamerkki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Huomautusten paikkamerkki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fi-FI" dirty="0"/>
          </a:p>
        </p:txBody>
      </p:sp>
      <p:sp>
        <p:nvSpPr>
          <p:cNvPr id="4" name="Dian numeron paikkamerkki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D728D0-16EF-4BE3-B2E3-7BACDBE86715}" type="slidenum">
              <a:rPr lang="fi-FI" smtClean="0"/>
              <a:t>3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2883703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ian kuvan paikkamerkki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Huomautusten paikkamerkki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i-FI" dirty="0"/>
          </a:p>
        </p:txBody>
      </p:sp>
      <p:sp>
        <p:nvSpPr>
          <p:cNvPr id="4" name="Dian numeron paikkamerkki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D728D0-16EF-4BE3-B2E3-7BACDBE86715}" type="slidenum">
              <a:rPr lang="fi-FI" smtClean="0"/>
              <a:t>4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29944711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9.xml"/></Relationships>
</file>

<file path=ppt/slideLayouts/_rels/slideLayout1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9.xml"/></Relationships>
</file>

<file path=ppt/slideLayouts/_rels/slideLayout1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9.xml"/></Relationships>
</file>

<file path=ppt/slideLayouts/_rels/slideLayout1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9.xml"/></Relationships>
</file>

<file path=ppt/slideLayouts/_rels/slideLayout1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9.xml"/></Relationships>
</file>

<file path=ppt/slideLayouts/_rels/slideLayout1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9.xml"/></Relationships>
</file>

<file path=ppt/slideLayouts/_rels/slideLayout1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9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6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6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6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9.xml"/></Relationships>
</file>

<file path=ppt/slideLayouts/_rels/slideLayout165.xml.rels><?xml version="1.0" encoding="UTF-8" standalone="yes"?>
<Relationships xmlns="http://schemas.openxmlformats.org/package/2006/relationships"><Relationship Id="rId2" Type="http://schemas.openxmlformats.org/officeDocument/2006/relationships/chart" Target="../charts/chart3.xml"/><Relationship Id="rId1" Type="http://schemas.openxmlformats.org/officeDocument/2006/relationships/slideMaster" Target="../slideMasters/slideMaster9.xml"/></Relationships>
</file>

<file path=ppt/slideLayouts/_rels/slideLayout166.xml.rels><?xml version="1.0" encoding="UTF-8" standalone="yes"?>
<Relationships xmlns="http://schemas.openxmlformats.org/package/2006/relationships"><Relationship Id="rId2" Type="http://schemas.openxmlformats.org/officeDocument/2006/relationships/chart" Target="../charts/chart4.xml"/><Relationship Id="rId1" Type="http://schemas.openxmlformats.org/officeDocument/2006/relationships/slideMaster" Target="../slideMasters/slideMaster9.xml"/></Relationships>
</file>

<file path=ppt/slideLayouts/_rels/slideLayout1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6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7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7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7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9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17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9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17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9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17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9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17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9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17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9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1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8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8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8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8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8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8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sv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9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18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chart" Target="../charts/chart2.xml"/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sv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loitusruutu_valkoin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C8FAA00-08CB-4D42-BC42-5FD10B8E1D5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0384EC-70B5-43F0-85DE-6328B14E6C0F}" type="datetime1">
              <a:rPr lang="fi-FI" smtClean="0"/>
              <a:t>8.3.2022</a:t>
            </a:fld>
            <a:endParaRPr lang="fi-FI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1B36D59-2219-4745-8866-3C10FB77AB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F5469C93-8108-497E-AE09-69B91A1ABF4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12" name="Subtitle 2">
            <a:extLst>
              <a:ext uri="{FF2B5EF4-FFF2-40B4-BE49-F238E27FC236}">
                <a16:creationId xmlns:a16="http://schemas.microsoft.com/office/drawing/2014/main" id="{EEFA9397-4EC2-428C-8028-EC8F9418B72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tx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13" name="Picture 12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7042E8DA-BDAD-400E-B10D-5DDB2028D58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0902" y="2000187"/>
            <a:ext cx="3645475" cy="3089974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E5960C26-0006-4CDB-BFA6-EED7F960FBB8}"/>
              </a:ext>
            </a:extLst>
          </p:cNvPr>
          <p:cNvSpPr/>
          <p:nvPr userDrawn="1"/>
        </p:nvSpPr>
        <p:spPr>
          <a:xfrm>
            <a:off x="9983495" y="0"/>
            <a:ext cx="2208505" cy="161544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A7633F30-81AA-4E31-B02C-5D35D292036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0902" y="2000060"/>
            <a:ext cx="3645475" cy="3089974"/>
          </a:xfrm>
          <a:prstGeom prst="rect">
            <a:avLst/>
          </a:prstGeom>
        </p:spPr>
      </p:pic>
      <p:sp>
        <p:nvSpPr>
          <p:cNvPr id="16" name="Footer Placeholder 4">
            <a:extLst>
              <a:ext uri="{FF2B5EF4-FFF2-40B4-BE49-F238E27FC236}">
                <a16:creationId xmlns:a16="http://schemas.microsoft.com/office/drawing/2014/main" id="{60B4022C-4631-4B82-ABDB-2F2B7E3881C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5806783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vaalea_fuksia_kuvi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6" name="Picture 5" descr="A picture containing text, blackboard&#10;&#10;Description automatically generated">
            <a:extLst>
              <a:ext uri="{FF2B5EF4-FFF2-40B4-BE49-F238E27FC236}">
                <a16:creationId xmlns:a16="http://schemas.microsoft.com/office/drawing/2014/main" id="{14FCAC9C-93C3-4BF3-AA69-FB92EE27B6D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2876" y="1691640"/>
            <a:ext cx="3649916" cy="347472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56353A0D-6841-4B42-BD5B-AC1A73F1AE5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71203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kuva ja 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59309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7E8D1426-897D-4DFC-843A-4DB9244C8424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6452938" y="2033191"/>
            <a:ext cx="5332663" cy="2757312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23956682"/>
      </p:ext>
    </p:extLst>
  </p:cSld>
  <p:clrMapOvr>
    <a:masterClrMapping/>
  </p:clrMapOvr>
  <p:transition spd="slow">
    <p:push dir="u"/>
  </p:transition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va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59309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6562001" y="751022"/>
            <a:ext cx="5157259" cy="4403046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1pPr>
            <a:lvl2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2pPr>
            <a:lvl3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3pPr>
            <a:lvl4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4pPr>
            <a:lvl5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E246AFC9-5C3D-485C-ACA3-25EF505B42F5}" type="datetime1">
              <a:rPr lang="fi-FI" smtClean="0"/>
              <a:t>8.3.2022</a:t>
            </a:fld>
            <a:endParaRPr lang="en-US"/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14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49744069"/>
      </p:ext>
    </p:extLst>
  </p:cSld>
  <p:clrMapOvr>
    <a:masterClrMapping/>
  </p:clrMapOvr>
  <p:transition spd="slow">
    <p:push dir="u"/>
  </p:transition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yöreä kuva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/>
          <p:cNvSpPr>
            <a:spLocks noGrp="1"/>
          </p:cNvSpPr>
          <p:nvPr>
            <p:ph type="pic" sz="quarter" idx="10"/>
          </p:nvPr>
        </p:nvSpPr>
        <p:spPr>
          <a:xfrm>
            <a:off x="-2288005" y="-481189"/>
            <a:ext cx="7668127" cy="7666943"/>
          </a:xfrm>
          <a:custGeom>
            <a:avLst/>
            <a:gdLst>
              <a:gd name="connsiteX0" fmla="*/ 5751095 w 11502190"/>
              <a:gd name="connsiteY0" fmla="*/ 0 h 11502190"/>
              <a:gd name="connsiteX1" fmla="*/ 11502190 w 11502190"/>
              <a:gd name="connsiteY1" fmla="*/ 5751095 h 11502190"/>
              <a:gd name="connsiteX2" fmla="*/ 5751095 w 11502190"/>
              <a:gd name="connsiteY2" fmla="*/ 11502190 h 11502190"/>
              <a:gd name="connsiteX3" fmla="*/ 0 w 11502190"/>
              <a:gd name="connsiteY3" fmla="*/ 5751095 h 11502190"/>
              <a:gd name="connsiteX4" fmla="*/ 5751095 w 11502190"/>
              <a:gd name="connsiteY4" fmla="*/ 0 h 1150219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502190" h="11502190">
                <a:moveTo>
                  <a:pt x="5751095" y="0"/>
                </a:moveTo>
                <a:cubicBezTo>
                  <a:pt x="8927337" y="0"/>
                  <a:pt x="11502190" y="2574853"/>
                  <a:pt x="11502190" y="5751095"/>
                </a:cubicBezTo>
                <a:cubicBezTo>
                  <a:pt x="11502190" y="8927337"/>
                  <a:pt x="8927337" y="11502190"/>
                  <a:pt x="5751095" y="11502190"/>
                </a:cubicBezTo>
                <a:cubicBezTo>
                  <a:pt x="2574853" y="11502190"/>
                  <a:pt x="0" y="8927337"/>
                  <a:pt x="0" y="5751095"/>
                </a:cubicBezTo>
                <a:cubicBezTo>
                  <a:pt x="0" y="2574853"/>
                  <a:pt x="2574853" y="0"/>
                  <a:pt x="5751095" y="0"/>
                </a:cubicBez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defRPr>
                <a:solidFill>
                  <a:srgbClr val="005A9B"/>
                </a:solidFill>
              </a:defRPr>
            </a:lvl1pPr>
          </a:lstStyle>
          <a:p>
            <a:endParaRPr lang="en-US"/>
          </a:p>
        </p:txBody>
      </p:sp>
      <p:sp>
        <p:nvSpPr>
          <p:cNvPr id="3" name="Content Placeholder 3"/>
          <p:cNvSpPr>
            <a:spLocks noGrp="1"/>
          </p:cNvSpPr>
          <p:nvPr>
            <p:ph sz="half" idx="2"/>
          </p:nvPr>
        </p:nvSpPr>
        <p:spPr>
          <a:xfrm>
            <a:off x="6016570" y="996964"/>
            <a:ext cx="5640693" cy="4338887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1pPr>
            <a:lvl2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2pPr>
            <a:lvl3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3pPr>
            <a:lvl4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4pPr>
            <a:lvl5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925112356"/>
      </p:ext>
    </p:extLst>
  </p:cSld>
  <p:clrMapOvr>
    <a:masterClrMapping/>
  </p:clrMapOvr>
  <p:transition spd="slow">
    <p:push dir="u"/>
  </p:transition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kuva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2"/>
          <p:cNvSpPr>
            <a:spLocks noGrp="1"/>
          </p:cNvSpPr>
          <p:nvPr>
            <p:ph type="pic" sz="quarter" idx="11"/>
          </p:nvPr>
        </p:nvSpPr>
        <p:spPr>
          <a:xfrm>
            <a:off x="775368" y="962379"/>
            <a:ext cx="3161632" cy="4211071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8" name="Picture Placeholder 2"/>
          <p:cNvSpPr>
            <a:spLocks noGrp="1"/>
          </p:cNvSpPr>
          <p:nvPr>
            <p:ph type="pic" sz="quarter" idx="12"/>
          </p:nvPr>
        </p:nvSpPr>
        <p:spPr>
          <a:xfrm>
            <a:off x="4515184" y="962379"/>
            <a:ext cx="3161632" cy="4211071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3"/>
          </p:nvPr>
        </p:nvSpPr>
        <p:spPr>
          <a:xfrm>
            <a:off x="8255000" y="962379"/>
            <a:ext cx="3161632" cy="4211071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A90DB7F7-082A-419B-8715-36B6B5B3CDA8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4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15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3710302"/>
      </p:ext>
    </p:extLst>
  </p:cSld>
  <p:clrMapOvr>
    <a:masterClrMapping/>
  </p:clrMapOvr>
  <p:transition spd="slow">
    <p:push dir="u"/>
  </p:transition>
  <p:extLst>
    <p:ext uri="{DCECCB84-F9BA-43D5-87BE-67443E8EF086}">
      <p15:sldGuideLst xmlns:p15="http://schemas.microsoft.com/office/powerpoint/2012/main">
        <p15:guide id="1" orient="horz" pos="3240">
          <p15:clr>
            <a:srgbClr val="FBAE40"/>
          </p15:clr>
        </p15:guide>
        <p15:guide id="2" pos="5760">
          <p15:clr>
            <a:srgbClr val="FBAE40"/>
          </p15:clr>
        </p15:guide>
      </p15:sldGuideLst>
    </p:ext>
  </p:extLst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Sisältö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069"/>
            <a:ext cx="10515600" cy="1325887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343"/>
            <a:ext cx="5207000" cy="3649517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  <a:lvl2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2pPr>
            <a:lvl3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3pPr>
            <a:lvl4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4pPr>
            <a:lvl5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46800" y="1825343"/>
            <a:ext cx="5207000" cy="3649517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  <a:lvl2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2pPr>
            <a:lvl3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3pPr>
            <a:lvl4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4pPr>
            <a:lvl5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3D0F0290-5A58-4977-A227-C1622EDACA36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3557522"/>
      </p:ext>
    </p:extLst>
  </p:cSld>
  <p:clrMapOvr>
    <a:masterClrMapping/>
  </p:clrMapOvr>
  <p:transition spd="slow">
    <p:push dir="u"/>
  </p:transition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752642" y="2182894"/>
            <a:ext cx="10515600" cy="1325887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A9EFE29F-1A50-4B17-AE63-10671D4EAD2A}" type="datetime1">
              <a:rPr lang="fi-FI" smtClean="0"/>
              <a:t>8.3.2022</a:t>
            </a:fld>
            <a:endParaRPr lang="en-US"/>
          </a:p>
        </p:txBody>
      </p:sp>
      <p:sp>
        <p:nvSpPr>
          <p:cNvPr id="8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9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2854166"/>
      </p:ext>
    </p:extLst>
  </p:cSld>
  <p:clrMapOvr>
    <a:masterClrMapping/>
  </p:clrMapOvr>
  <p:transition spd="slow">
    <p:push dir="u"/>
  </p:transition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yhj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F7F628A-854B-4C99-BA4C-8590327F1445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6025277"/>
      </p:ext>
    </p:extLst>
  </p:cSld>
  <p:clrMapOvr>
    <a:masterClrMapping/>
  </p:clrMapOvr>
  <p:transition spd="slow">
    <p:push dir="u"/>
  </p:transition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sältö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48602" y="923115"/>
            <a:ext cx="10206009" cy="4444815"/>
          </a:xfrm>
          <a:prstGeom prst="rect">
            <a:avLst/>
          </a:prstGeom>
        </p:spPr>
        <p:txBody>
          <a:bodyPr/>
          <a:lstStyle>
            <a:lvl1pPr>
              <a:defRPr sz="2133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  <a:lvl2pPr>
              <a:defRPr sz="1866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2pPr>
            <a:lvl3pPr>
              <a:defRPr sz="1600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3pPr>
            <a:lvl4pPr>
              <a:defRPr sz="1333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4pPr>
            <a:lvl5pPr>
              <a:defRPr sz="1333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5pPr>
            <a:lvl6pPr>
              <a:defRPr sz="1333"/>
            </a:lvl6pPr>
            <a:lvl7pPr>
              <a:defRPr sz="1333"/>
            </a:lvl7pPr>
            <a:lvl8pPr>
              <a:defRPr sz="1333"/>
            </a:lvl8pPr>
            <a:lvl9pPr>
              <a:defRPr sz="1333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083BAEBC-D262-4027-928E-B83F748C798E}" type="datetime1">
              <a:rPr lang="fi-FI" smtClean="0"/>
              <a:t>8.3.2022</a:t>
            </a:fld>
            <a:endParaRPr lang="en-US"/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5920533"/>
      </p:ext>
    </p:extLst>
  </p:cSld>
  <p:clrMapOvr>
    <a:masterClrMapping/>
  </p:clrMapOvr>
  <p:transition spd="slow">
    <p:push dir="u"/>
  </p:transition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vataus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06FD4D92-BC22-44CB-A8DF-150AE5B78145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6119042"/>
      </p:ext>
    </p:extLst>
  </p:cSld>
  <p:clrMapOvr>
    <a:masterClrMapping/>
  </p:clrMapOvr>
  <p:transition spd="slow">
    <p:push dir="u"/>
  </p:transition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, subtitle &amp;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501650" y="651600"/>
            <a:ext cx="111887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/>
              <a:t>Click to add subtitle</a:t>
            </a:r>
          </a:p>
        </p:txBody>
      </p:sp>
      <p:sp>
        <p:nvSpPr>
          <p:cNvPr id="17" name="Chart Placeholder 3"/>
          <p:cNvSpPr>
            <a:spLocks noGrp="1"/>
          </p:cNvSpPr>
          <p:nvPr>
            <p:ph type="chart" sz="quarter" idx="15"/>
          </p:nvPr>
        </p:nvSpPr>
        <p:spPr>
          <a:xfrm>
            <a:off x="501652" y="2052000"/>
            <a:ext cx="11188699" cy="4069013"/>
          </a:xfrm>
          <a:prstGeom prst="rect">
            <a:avLst/>
          </a:prstGeom>
        </p:spPr>
        <p:txBody>
          <a:bodyPr>
            <a:noAutofit/>
          </a:bodyPr>
          <a:lstStyle/>
          <a:p>
            <a:r>
              <a:rPr lang="en-US"/>
              <a:t>Click icon to add chart</a:t>
            </a:r>
            <a:endParaRPr lang="en-GB"/>
          </a:p>
        </p:txBody>
      </p:sp>
      <p:sp>
        <p:nvSpPr>
          <p:cNvPr id="18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501652" y="1674087"/>
            <a:ext cx="11188699" cy="357187"/>
          </a:xfrm>
        </p:spPr>
        <p:txBody>
          <a:bodyPr>
            <a:noAutofit/>
          </a:bodyPr>
          <a:lstStyle/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19" name="Text Placeholder 7"/>
          <p:cNvSpPr>
            <a:spLocks noGrp="1"/>
          </p:cNvSpPr>
          <p:nvPr>
            <p:ph type="body" sz="quarter" idx="23"/>
          </p:nvPr>
        </p:nvSpPr>
        <p:spPr>
          <a:xfrm>
            <a:off x="501651" y="6121014"/>
            <a:ext cx="11188700" cy="260737"/>
          </a:xfrm>
        </p:spPr>
        <p:txBody>
          <a:bodyPr>
            <a:noAutofit/>
          </a:bodyPr>
          <a:lstStyle>
            <a:lvl1pPr>
              <a:spcAft>
                <a:spcPts val="0"/>
              </a:spcAft>
              <a:defRPr sz="9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8CFE9674-04ED-4C53-9426-4EA385799F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01650" y="317500"/>
            <a:ext cx="111887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>
                <a:latin typeface="+mj-lt"/>
              </a:defRPr>
            </a:lvl1pPr>
          </a:lstStyle>
          <a:p>
            <a:r>
              <a:rPr lang="en-US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3800938444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tumman_vihreä_kuvi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6" name="Picture 5" descr="A picture containing text, blackboard&#10;&#10;Description automatically generated">
            <a:extLst>
              <a:ext uri="{FF2B5EF4-FFF2-40B4-BE49-F238E27FC236}">
                <a16:creationId xmlns:a16="http://schemas.microsoft.com/office/drawing/2014/main" id="{81566161-9E2C-4A0C-B626-D0B4BE1F3E3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2876" y="1691640"/>
            <a:ext cx="3649916" cy="347472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3F4DEC7E-5326-4131-9336-902152B25D0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063105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Otsikko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/>
              <a:t>Muokkaa perustyyl. napsautt.</a:t>
            </a:r>
          </a:p>
        </p:txBody>
      </p:sp>
      <p:sp>
        <p:nvSpPr>
          <p:cNvPr id="3" name="Sisällön paikkamerkki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i-FI"/>
              <a:t>Muokkaa tekstin perustyylejä</a:t>
            </a:r>
          </a:p>
          <a:p>
            <a:pPr lvl="1"/>
            <a:r>
              <a:rPr lang="fi-FI"/>
              <a:t>toinen taso</a:t>
            </a:r>
          </a:p>
          <a:p>
            <a:pPr lvl="2"/>
            <a:r>
              <a:rPr lang="fi-FI"/>
              <a:t>kolmas taso</a:t>
            </a:r>
          </a:p>
          <a:p>
            <a:pPr lvl="3"/>
            <a:r>
              <a:rPr lang="fi-FI"/>
              <a:t>neljäs taso</a:t>
            </a:r>
          </a:p>
          <a:p>
            <a:pPr lvl="4"/>
            <a:r>
              <a:rPr lang="fi-FI"/>
              <a:t>viides taso</a:t>
            </a:r>
          </a:p>
        </p:txBody>
      </p:sp>
      <p:sp>
        <p:nvSpPr>
          <p:cNvPr id="4" name="Päivämäärän paikkamerkki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49FA1C-FF6E-4BA6-81A6-19CA30AF47F1}" type="datetime1">
              <a:rPr lang="fi-FI" smtClean="0"/>
              <a:t>8.3.2022</a:t>
            </a:fld>
            <a:endParaRPr lang="fi-FI"/>
          </a:p>
        </p:txBody>
      </p:sp>
      <p:sp>
        <p:nvSpPr>
          <p:cNvPr id="5" name="Alatunnisteen paikkamerkki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i-FI"/>
          </a:p>
        </p:txBody>
      </p:sp>
      <p:sp>
        <p:nvSpPr>
          <p:cNvPr id="6" name="Dian numeron paikkamerkki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9488B5-D842-4874-B534-160E9258EB96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1224176947"/>
      </p:ext>
    </p:extLst>
  </p:cSld>
  <p:clrMapOvr>
    <a:masterClrMapping/>
  </p:clrMapOvr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ustakuva ja 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B8CEEF30-0E85-4232-989B-08A3241BDD0F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838200" y="2766057"/>
            <a:ext cx="10515600" cy="1325887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8266197"/>
      </p:ext>
    </p:extLst>
  </p:cSld>
  <p:clrMapOvr>
    <a:masterClrMapping/>
  </p:clrMapOvr>
  <p:transition spd="slow">
    <p:push dir="u"/>
  </p:transition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kuva ja 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59309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EC65DE82-FC9B-4C51-9FD6-B501887F636E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6452938" y="2033191"/>
            <a:ext cx="5332663" cy="2757312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159224340"/>
      </p:ext>
    </p:extLst>
  </p:cSld>
  <p:clrMapOvr>
    <a:masterClrMapping/>
  </p:clrMapOvr>
  <p:transition spd="slow">
    <p:push dir="u"/>
  </p:transition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va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59309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6562001" y="751022"/>
            <a:ext cx="5157259" cy="4403046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1pPr>
            <a:lvl2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2pPr>
            <a:lvl3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3pPr>
            <a:lvl4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4pPr>
            <a:lvl5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10ABC6D5-F00D-49A0-ABEC-5C47629A1601}" type="datetime1">
              <a:rPr lang="fi-FI" smtClean="0"/>
              <a:t>8.3.2022</a:t>
            </a:fld>
            <a:endParaRPr lang="en-US"/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14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6796668"/>
      </p:ext>
    </p:extLst>
  </p:cSld>
  <p:clrMapOvr>
    <a:masterClrMapping/>
  </p:clrMapOvr>
  <p:transition spd="slow">
    <p:push dir="u"/>
  </p:transition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yöreä kuva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/>
          <p:cNvSpPr>
            <a:spLocks noGrp="1"/>
          </p:cNvSpPr>
          <p:nvPr>
            <p:ph type="pic" sz="quarter" idx="10"/>
          </p:nvPr>
        </p:nvSpPr>
        <p:spPr>
          <a:xfrm>
            <a:off x="-2288005" y="-481189"/>
            <a:ext cx="7668127" cy="7666943"/>
          </a:xfrm>
          <a:custGeom>
            <a:avLst/>
            <a:gdLst>
              <a:gd name="connsiteX0" fmla="*/ 5751095 w 11502190"/>
              <a:gd name="connsiteY0" fmla="*/ 0 h 11502190"/>
              <a:gd name="connsiteX1" fmla="*/ 11502190 w 11502190"/>
              <a:gd name="connsiteY1" fmla="*/ 5751095 h 11502190"/>
              <a:gd name="connsiteX2" fmla="*/ 5751095 w 11502190"/>
              <a:gd name="connsiteY2" fmla="*/ 11502190 h 11502190"/>
              <a:gd name="connsiteX3" fmla="*/ 0 w 11502190"/>
              <a:gd name="connsiteY3" fmla="*/ 5751095 h 11502190"/>
              <a:gd name="connsiteX4" fmla="*/ 5751095 w 11502190"/>
              <a:gd name="connsiteY4" fmla="*/ 0 h 1150219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502190" h="11502190">
                <a:moveTo>
                  <a:pt x="5751095" y="0"/>
                </a:moveTo>
                <a:cubicBezTo>
                  <a:pt x="8927337" y="0"/>
                  <a:pt x="11502190" y="2574853"/>
                  <a:pt x="11502190" y="5751095"/>
                </a:cubicBezTo>
                <a:cubicBezTo>
                  <a:pt x="11502190" y="8927337"/>
                  <a:pt x="8927337" y="11502190"/>
                  <a:pt x="5751095" y="11502190"/>
                </a:cubicBezTo>
                <a:cubicBezTo>
                  <a:pt x="2574853" y="11502190"/>
                  <a:pt x="0" y="8927337"/>
                  <a:pt x="0" y="5751095"/>
                </a:cubicBezTo>
                <a:cubicBezTo>
                  <a:pt x="0" y="2574853"/>
                  <a:pt x="2574853" y="0"/>
                  <a:pt x="5751095" y="0"/>
                </a:cubicBez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defRPr>
                <a:solidFill>
                  <a:srgbClr val="005A9B"/>
                </a:solidFill>
              </a:defRPr>
            </a:lvl1pPr>
          </a:lstStyle>
          <a:p>
            <a:endParaRPr lang="en-US"/>
          </a:p>
        </p:txBody>
      </p:sp>
      <p:sp>
        <p:nvSpPr>
          <p:cNvPr id="3" name="Content Placeholder 3"/>
          <p:cNvSpPr>
            <a:spLocks noGrp="1"/>
          </p:cNvSpPr>
          <p:nvPr>
            <p:ph sz="half" idx="2"/>
          </p:nvPr>
        </p:nvSpPr>
        <p:spPr>
          <a:xfrm>
            <a:off x="6016570" y="996964"/>
            <a:ext cx="5640693" cy="4338887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1pPr>
            <a:lvl2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2pPr>
            <a:lvl3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3pPr>
            <a:lvl4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4pPr>
            <a:lvl5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068448702"/>
      </p:ext>
    </p:extLst>
  </p:cSld>
  <p:clrMapOvr>
    <a:masterClrMapping/>
  </p:clrMapOvr>
  <p:transition spd="slow">
    <p:push dir="u"/>
  </p:transition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kuva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2"/>
          <p:cNvSpPr>
            <a:spLocks noGrp="1"/>
          </p:cNvSpPr>
          <p:nvPr>
            <p:ph type="pic" sz="quarter" idx="11"/>
          </p:nvPr>
        </p:nvSpPr>
        <p:spPr>
          <a:xfrm>
            <a:off x="775368" y="962379"/>
            <a:ext cx="3161632" cy="4211071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8" name="Picture Placeholder 2"/>
          <p:cNvSpPr>
            <a:spLocks noGrp="1"/>
          </p:cNvSpPr>
          <p:nvPr>
            <p:ph type="pic" sz="quarter" idx="12"/>
          </p:nvPr>
        </p:nvSpPr>
        <p:spPr>
          <a:xfrm>
            <a:off x="4515184" y="962379"/>
            <a:ext cx="3161632" cy="4211071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3"/>
          </p:nvPr>
        </p:nvSpPr>
        <p:spPr>
          <a:xfrm>
            <a:off x="8255000" y="962379"/>
            <a:ext cx="3161632" cy="4211071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53E03EEA-D61F-4513-B31F-F9DD9525B54D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4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15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2369601"/>
      </p:ext>
    </p:extLst>
  </p:cSld>
  <p:clrMapOvr>
    <a:masterClrMapping/>
  </p:clrMapOvr>
  <p:transition spd="slow">
    <p:push dir="u"/>
  </p:transition>
  <p:extLst>
    <p:ext uri="{DCECCB84-F9BA-43D5-87BE-67443E8EF086}">
      <p15:sldGuideLst xmlns:p15="http://schemas.microsoft.com/office/powerpoint/2012/main">
        <p15:guide id="1" orient="horz" pos="3240">
          <p15:clr>
            <a:srgbClr val="FBAE40"/>
          </p15:clr>
        </p15:guide>
        <p15:guide id="2" pos="5760">
          <p15:clr>
            <a:srgbClr val="FBAE40"/>
          </p15:clr>
        </p15:guide>
      </p15:sldGuideLst>
    </p:ext>
  </p:extLst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Sisältö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069"/>
            <a:ext cx="10515600" cy="1325887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343"/>
            <a:ext cx="5207000" cy="3649517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  <a:lvl2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2pPr>
            <a:lvl3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3pPr>
            <a:lvl4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4pPr>
            <a:lvl5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46800" y="1825343"/>
            <a:ext cx="5207000" cy="3649517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  <a:lvl2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2pPr>
            <a:lvl3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3pPr>
            <a:lvl4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4pPr>
            <a:lvl5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821C97A5-239D-4041-93AA-05E4CF5257DC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52408894"/>
      </p:ext>
    </p:extLst>
  </p:cSld>
  <p:clrMapOvr>
    <a:masterClrMapping/>
  </p:clrMapOvr>
  <p:transition spd="slow">
    <p:push dir="u"/>
  </p:transition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752642" y="2182894"/>
            <a:ext cx="10515600" cy="1325887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A1EAD781-CB61-4AD3-9DE9-8AE9B6A12261}" type="datetime1">
              <a:rPr lang="fi-FI" smtClean="0"/>
              <a:t>8.3.2022</a:t>
            </a:fld>
            <a:endParaRPr lang="en-US"/>
          </a:p>
        </p:txBody>
      </p:sp>
      <p:sp>
        <p:nvSpPr>
          <p:cNvPr id="8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9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981717"/>
      </p:ext>
    </p:extLst>
  </p:cSld>
  <p:clrMapOvr>
    <a:masterClrMapping/>
  </p:clrMapOvr>
  <p:transition spd="slow">
    <p:push dir="u"/>
  </p:transition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yhj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50D2098E-69C5-4C80-B8B8-B0C7C4224553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42635504"/>
      </p:ext>
    </p:extLst>
  </p:cSld>
  <p:clrMapOvr>
    <a:masterClrMapping/>
  </p:clrMapOvr>
  <p:transition spd="slow">
    <p:push dir="u"/>
  </p:transition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sältö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48602" y="923115"/>
            <a:ext cx="10206009" cy="4444815"/>
          </a:xfrm>
          <a:prstGeom prst="rect">
            <a:avLst/>
          </a:prstGeom>
        </p:spPr>
        <p:txBody>
          <a:bodyPr/>
          <a:lstStyle>
            <a:lvl1pPr>
              <a:defRPr sz="2133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  <a:lvl2pPr>
              <a:defRPr sz="1866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2pPr>
            <a:lvl3pPr>
              <a:defRPr sz="1600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3pPr>
            <a:lvl4pPr>
              <a:defRPr sz="1333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4pPr>
            <a:lvl5pPr>
              <a:defRPr sz="1333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5pPr>
            <a:lvl6pPr>
              <a:defRPr sz="1333"/>
            </a:lvl6pPr>
            <a:lvl7pPr>
              <a:defRPr sz="1333"/>
            </a:lvl7pPr>
            <a:lvl8pPr>
              <a:defRPr sz="1333"/>
            </a:lvl8pPr>
            <a:lvl9pPr>
              <a:defRPr sz="1333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C96DEE90-EA34-41BA-9D91-BD2A2802EC03}" type="datetime1">
              <a:rPr lang="fi-FI" smtClean="0"/>
              <a:t>8.3.2022</a:t>
            </a:fld>
            <a:endParaRPr lang="en-US"/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8093733"/>
      </p:ext>
    </p:extLst>
  </p:cSld>
  <p:clrMapOvr>
    <a:masterClrMapping/>
  </p:clrMapOvr>
  <p:transition spd="slow">
    <p:push dir="u"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vaalean_vihreä_kuvi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6" name="Picture 5" descr="A picture containing text, blackboard&#10;&#10;Description automatically generated">
            <a:extLst>
              <a:ext uri="{FF2B5EF4-FFF2-40B4-BE49-F238E27FC236}">
                <a16:creationId xmlns:a16="http://schemas.microsoft.com/office/drawing/2014/main" id="{32E69FE4-0D14-42F3-8ED8-B83ACA2DCA6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2876" y="1691640"/>
            <a:ext cx="3649916" cy="347472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E6B987F8-229E-46EB-8188-78F976D74A8B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75546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vataus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004AAA91-F803-446B-9D8D-62FF6B4ECA9A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50478537"/>
      </p:ext>
    </p:extLst>
  </p:cSld>
  <p:clrMapOvr>
    <a:masterClrMapping/>
  </p:clrMapOvr>
  <p:transition spd="slow">
    <p:push dir="u"/>
  </p:transition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, subtitle &amp;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501650" y="651600"/>
            <a:ext cx="111887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/>
              <a:t>Click to add subtitle</a:t>
            </a:r>
          </a:p>
        </p:txBody>
      </p:sp>
      <p:sp>
        <p:nvSpPr>
          <p:cNvPr id="17" name="Chart Placeholder 3"/>
          <p:cNvSpPr>
            <a:spLocks noGrp="1"/>
          </p:cNvSpPr>
          <p:nvPr>
            <p:ph type="chart" sz="quarter" idx="15"/>
          </p:nvPr>
        </p:nvSpPr>
        <p:spPr>
          <a:xfrm>
            <a:off x="501652" y="2052000"/>
            <a:ext cx="11188699" cy="4069013"/>
          </a:xfrm>
          <a:prstGeom prst="rect">
            <a:avLst/>
          </a:prstGeom>
        </p:spPr>
        <p:txBody>
          <a:bodyPr>
            <a:noAutofit/>
          </a:bodyPr>
          <a:lstStyle/>
          <a:p>
            <a:r>
              <a:rPr lang="en-US"/>
              <a:t>Click icon to add chart</a:t>
            </a:r>
            <a:endParaRPr lang="en-GB"/>
          </a:p>
        </p:txBody>
      </p:sp>
      <p:sp>
        <p:nvSpPr>
          <p:cNvPr id="18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501652" y="1674087"/>
            <a:ext cx="11188699" cy="357187"/>
          </a:xfrm>
        </p:spPr>
        <p:txBody>
          <a:bodyPr>
            <a:noAutofit/>
          </a:bodyPr>
          <a:lstStyle/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19" name="Text Placeholder 7"/>
          <p:cNvSpPr>
            <a:spLocks noGrp="1"/>
          </p:cNvSpPr>
          <p:nvPr>
            <p:ph type="body" sz="quarter" idx="23"/>
          </p:nvPr>
        </p:nvSpPr>
        <p:spPr>
          <a:xfrm>
            <a:off x="501651" y="6121014"/>
            <a:ext cx="11188700" cy="260737"/>
          </a:xfrm>
        </p:spPr>
        <p:txBody>
          <a:bodyPr>
            <a:noAutofit/>
          </a:bodyPr>
          <a:lstStyle>
            <a:lvl1pPr>
              <a:spcAft>
                <a:spcPts val="0"/>
              </a:spcAft>
              <a:defRPr sz="9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8CFE9674-04ED-4C53-9426-4EA385799F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01650" y="317500"/>
            <a:ext cx="111887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>
                <a:latin typeface="+mj-lt"/>
              </a:defRPr>
            </a:lvl1pPr>
          </a:lstStyle>
          <a:p>
            <a:r>
              <a:rPr lang="en-US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502256293"/>
      </p:ext>
    </p:extLst>
  </p:cSld>
  <p:clrMapOvr>
    <a:masterClrMapping/>
  </p:clrMapOvr>
  <p:transition>
    <p:fade/>
  </p:transition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Otsikko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/>
              <a:t>Muokkaa perustyyl. napsautt.</a:t>
            </a:r>
          </a:p>
        </p:txBody>
      </p:sp>
      <p:sp>
        <p:nvSpPr>
          <p:cNvPr id="3" name="Sisällön paikkamerkki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i-FI"/>
              <a:t>Muokkaa tekstin perustyylejä</a:t>
            </a:r>
          </a:p>
          <a:p>
            <a:pPr lvl="1"/>
            <a:r>
              <a:rPr lang="fi-FI"/>
              <a:t>toinen taso</a:t>
            </a:r>
          </a:p>
          <a:p>
            <a:pPr lvl="2"/>
            <a:r>
              <a:rPr lang="fi-FI"/>
              <a:t>kolmas taso</a:t>
            </a:r>
          </a:p>
          <a:p>
            <a:pPr lvl="3"/>
            <a:r>
              <a:rPr lang="fi-FI"/>
              <a:t>neljäs taso</a:t>
            </a:r>
          </a:p>
          <a:p>
            <a:pPr lvl="4"/>
            <a:r>
              <a:rPr lang="fi-FI"/>
              <a:t>viides taso</a:t>
            </a:r>
          </a:p>
        </p:txBody>
      </p:sp>
      <p:sp>
        <p:nvSpPr>
          <p:cNvPr id="4" name="Päivämäärän paikkamerkki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803D3AE-B843-4884-9297-006A8F55FB91}" type="datetime1">
              <a:rPr lang="fi-FI" smtClean="0"/>
              <a:t>8.3.2022</a:t>
            </a:fld>
            <a:endParaRPr lang="fi-FI"/>
          </a:p>
        </p:txBody>
      </p:sp>
      <p:sp>
        <p:nvSpPr>
          <p:cNvPr id="5" name="Alatunnisteen paikkamerkki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i-FI"/>
          </a:p>
        </p:txBody>
      </p:sp>
      <p:sp>
        <p:nvSpPr>
          <p:cNvPr id="6" name="Dian numeron paikkamerkki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9488B5-D842-4874-B534-160E9258EB96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288712048"/>
      </p:ext>
    </p:extLst>
  </p:cSld>
  <p:clrMapOvr>
    <a:masterClrMapping/>
  </p:clrMapOvr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ustakuva ja 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37F45260-84B9-4252-84B9-BF6BDD90FB2C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838200" y="2766057"/>
            <a:ext cx="10515600" cy="1325887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4235265794"/>
      </p:ext>
    </p:extLst>
  </p:cSld>
  <p:clrMapOvr>
    <a:masterClrMapping/>
  </p:clrMapOvr>
  <p:transition spd="slow">
    <p:push dir="u"/>
  </p:transition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kuva ja 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59309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8E94C0DB-CFBA-4B35-A1F2-6BFF0122DFA7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6452938" y="2033191"/>
            <a:ext cx="5332663" cy="2757312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709241031"/>
      </p:ext>
    </p:extLst>
  </p:cSld>
  <p:clrMapOvr>
    <a:masterClrMapping/>
  </p:clrMapOvr>
  <p:transition spd="slow">
    <p:push dir="u"/>
  </p:transition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va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59309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6562001" y="751022"/>
            <a:ext cx="5157259" cy="4403046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1pPr>
            <a:lvl2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2pPr>
            <a:lvl3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3pPr>
            <a:lvl4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4pPr>
            <a:lvl5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2FCCC254-6CBB-49B1-AB26-93E4E512A711}" type="datetime1">
              <a:rPr lang="fi-FI" smtClean="0"/>
              <a:t>8.3.2022</a:t>
            </a:fld>
            <a:endParaRPr lang="en-US"/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14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27598476"/>
      </p:ext>
    </p:extLst>
  </p:cSld>
  <p:clrMapOvr>
    <a:masterClrMapping/>
  </p:clrMapOvr>
  <p:transition spd="slow">
    <p:push dir="u"/>
  </p:transition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yöreä kuva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/>
          <p:cNvSpPr>
            <a:spLocks noGrp="1"/>
          </p:cNvSpPr>
          <p:nvPr>
            <p:ph type="pic" sz="quarter" idx="10"/>
          </p:nvPr>
        </p:nvSpPr>
        <p:spPr>
          <a:xfrm>
            <a:off x="-2288005" y="-481189"/>
            <a:ext cx="7668127" cy="7666943"/>
          </a:xfrm>
          <a:custGeom>
            <a:avLst/>
            <a:gdLst>
              <a:gd name="connsiteX0" fmla="*/ 5751095 w 11502190"/>
              <a:gd name="connsiteY0" fmla="*/ 0 h 11502190"/>
              <a:gd name="connsiteX1" fmla="*/ 11502190 w 11502190"/>
              <a:gd name="connsiteY1" fmla="*/ 5751095 h 11502190"/>
              <a:gd name="connsiteX2" fmla="*/ 5751095 w 11502190"/>
              <a:gd name="connsiteY2" fmla="*/ 11502190 h 11502190"/>
              <a:gd name="connsiteX3" fmla="*/ 0 w 11502190"/>
              <a:gd name="connsiteY3" fmla="*/ 5751095 h 11502190"/>
              <a:gd name="connsiteX4" fmla="*/ 5751095 w 11502190"/>
              <a:gd name="connsiteY4" fmla="*/ 0 h 1150219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502190" h="11502190">
                <a:moveTo>
                  <a:pt x="5751095" y="0"/>
                </a:moveTo>
                <a:cubicBezTo>
                  <a:pt x="8927337" y="0"/>
                  <a:pt x="11502190" y="2574853"/>
                  <a:pt x="11502190" y="5751095"/>
                </a:cubicBezTo>
                <a:cubicBezTo>
                  <a:pt x="11502190" y="8927337"/>
                  <a:pt x="8927337" y="11502190"/>
                  <a:pt x="5751095" y="11502190"/>
                </a:cubicBezTo>
                <a:cubicBezTo>
                  <a:pt x="2574853" y="11502190"/>
                  <a:pt x="0" y="8927337"/>
                  <a:pt x="0" y="5751095"/>
                </a:cubicBezTo>
                <a:cubicBezTo>
                  <a:pt x="0" y="2574853"/>
                  <a:pt x="2574853" y="0"/>
                  <a:pt x="5751095" y="0"/>
                </a:cubicBez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defRPr>
                <a:solidFill>
                  <a:srgbClr val="005A9B"/>
                </a:solidFill>
              </a:defRPr>
            </a:lvl1pPr>
          </a:lstStyle>
          <a:p>
            <a:endParaRPr lang="en-US"/>
          </a:p>
        </p:txBody>
      </p:sp>
      <p:sp>
        <p:nvSpPr>
          <p:cNvPr id="3" name="Content Placeholder 3"/>
          <p:cNvSpPr>
            <a:spLocks noGrp="1"/>
          </p:cNvSpPr>
          <p:nvPr>
            <p:ph sz="half" idx="2"/>
          </p:nvPr>
        </p:nvSpPr>
        <p:spPr>
          <a:xfrm>
            <a:off x="6016570" y="996964"/>
            <a:ext cx="5640693" cy="4338887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1pPr>
            <a:lvl2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2pPr>
            <a:lvl3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3pPr>
            <a:lvl4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4pPr>
            <a:lvl5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593666330"/>
      </p:ext>
    </p:extLst>
  </p:cSld>
  <p:clrMapOvr>
    <a:masterClrMapping/>
  </p:clrMapOvr>
  <p:transition spd="slow">
    <p:push dir="u"/>
  </p:transition>
</p:sldLayout>
</file>

<file path=ppt/slideLayouts/slideLayout1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kuva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2"/>
          <p:cNvSpPr>
            <a:spLocks noGrp="1"/>
          </p:cNvSpPr>
          <p:nvPr>
            <p:ph type="pic" sz="quarter" idx="11"/>
          </p:nvPr>
        </p:nvSpPr>
        <p:spPr>
          <a:xfrm>
            <a:off x="775368" y="962379"/>
            <a:ext cx="3161632" cy="4211071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8" name="Picture Placeholder 2"/>
          <p:cNvSpPr>
            <a:spLocks noGrp="1"/>
          </p:cNvSpPr>
          <p:nvPr>
            <p:ph type="pic" sz="quarter" idx="12"/>
          </p:nvPr>
        </p:nvSpPr>
        <p:spPr>
          <a:xfrm>
            <a:off x="4515184" y="962379"/>
            <a:ext cx="3161632" cy="4211071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3"/>
          </p:nvPr>
        </p:nvSpPr>
        <p:spPr>
          <a:xfrm>
            <a:off x="8255000" y="962379"/>
            <a:ext cx="3161632" cy="4211071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A6F8483D-6A6B-45AB-A38E-A6E23279E19B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4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15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26775503"/>
      </p:ext>
    </p:extLst>
  </p:cSld>
  <p:clrMapOvr>
    <a:masterClrMapping/>
  </p:clrMapOvr>
  <p:transition spd="slow">
    <p:push dir="u"/>
  </p:transition>
  <p:extLst>
    <p:ext uri="{DCECCB84-F9BA-43D5-87BE-67443E8EF086}">
      <p15:sldGuideLst xmlns:p15="http://schemas.microsoft.com/office/powerpoint/2012/main">
        <p15:guide id="1" orient="horz" pos="3240">
          <p15:clr>
            <a:srgbClr val="FBAE40"/>
          </p15:clr>
        </p15:guide>
        <p15:guide id="2" pos="5760">
          <p15:clr>
            <a:srgbClr val="FBAE40"/>
          </p15:clr>
        </p15:guide>
      </p15:sldGuideLst>
    </p:ext>
  </p:extLst>
</p:sldLayout>
</file>

<file path=ppt/slideLayouts/slideLayout12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Sisältö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069"/>
            <a:ext cx="10515600" cy="1325887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343"/>
            <a:ext cx="5207000" cy="3649517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  <a:lvl2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2pPr>
            <a:lvl3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3pPr>
            <a:lvl4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4pPr>
            <a:lvl5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46800" y="1825343"/>
            <a:ext cx="5207000" cy="3649517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  <a:lvl2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2pPr>
            <a:lvl3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3pPr>
            <a:lvl4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4pPr>
            <a:lvl5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D92C21E5-3572-4F3D-9BD4-9419C438956C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00670490"/>
      </p:ext>
    </p:extLst>
  </p:cSld>
  <p:clrMapOvr>
    <a:masterClrMapping/>
  </p:clrMapOvr>
  <p:transition spd="slow">
    <p:push dir="u"/>
  </p:transition>
</p:sldLayout>
</file>

<file path=ppt/slideLayouts/slideLayout1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752642" y="2182894"/>
            <a:ext cx="10515600" cy="1325887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AF65B2A3-128D-4307-A316-973A6644F9B1}" type="datetime1">
              <a:rPr lang="fi-FI" smtClean="0"/>
              <a:t>8.3.2022</a:t>
            </a:fld>
            <a:endParaRPr lang="en-US"/>
          </a:p>
        </p:txBody>
      </p:sp>
      <p:sp>
        <p:nvSpPr>
          <p:cNvPr id="8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9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4741661"/>
      </p:ext>
    </p:extLst>
  </p:cSld>
  <p:clrMapOvr>
    <a:masterClrMapping/>
  </p:clrMapOvr>
  <p:transition spd="slow">
    <p:push dir="u"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tumman_sininen_kuvi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6" name="Picture 5" descr="A picture containing text, blackboard&#10;&#10;Description automatically generated">
            <a:extLst>
              <a:ext uri="{FF2B5EF4-FFF2-40B4-BE49-F238E27FC236}">
                <a16:creationId xmlns:a16="http://schemas.microsoft.com/office/drawing/2014/main" id="{3339BBCE-72EB-4416-82B5-95E4D23ADFA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2876" y="1691640"/>
            <a:ext cx="3649916" cy="347472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731C5F59-1A73-4A2D-ACD6-B8171302A2F6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653294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yhj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F58F9A3C-CDF6-4CCF-9926-242A9A6E7CFC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70896249"/>
      </p:ext>
    </p:extLst>
  </p:cSld>
  <p:clrMapOvr>
    <a:masterClrMapping/>
  </p:clrMapOvr>
  <p:transition spd="slow">
    <p:push dir="u"/>
  </p:transition>
</p:sldLayout>
</file>

<file path=ppt/slideLayouts/slideLayout1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sältö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48602" y="923115"/>
            <a:ext cx="10206009" cy="4444815"/>
          </a:xfrm>
          <a:prstGeom prst="rect">
            <a:avLst/>
          </a:prstGeom>
        </p:spPr>
        <p:txBody>
          <a:bodyPr/>
          <a:lstStyle>
            <a:lvl1pPr>
              <a:defRPr sz="2133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  <a:lvl2pPr>
              <a:defRPr sz="1866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2pPr>
            <a:lvl3pPr>
              <a:defRPr sz="1600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3pPr>
            <a:lvl4pPr>
              <a:defRPr sz="1333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4pPr>
            <a:lvl5pPr>
              <a:defRPr sz="1333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5pPr>
            <a:lvl6pPr>
              <a:defRPr sz="1333"/>
            </a:lvl6pPr>
            <a:lvl7pPr>
              <a:defRPr sz="1333"/>
            </a:lvl7pPr>
            <a:lvl8pPr>
              <a:defRPr sz="1333"/>
            </a:lvl8pPr>
            <a:lvl9pPr>
              <a:defRPr sz="1333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23D7A37-F333-451A-A75A-A059D6603F40}" type="datetime1">
              <a:rPr lang="fi-FI" smtClean="0"/>
              <a:t>8.3.2022</a:t>
            </a:fld>
            <a:endParaRPr lang="en-US"/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39354191"/>
      </p:ext>
    </p:extLst>
  </p:cSld>
  <p:clrMapOvr>
    <a:masterClrMapping/>
  </p:clrMapOvr>
  <p:transition spd="slow">
    <p:push dir="u"/>
  </p:transition>
</p:sldLayout>
</file>

<file path=ppt/slideLayouts/slideLayout1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vataus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D1FF5C83-7642-4DB2-8BE8-0311DEA58589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5361511"/>
      </p:ext>
    </p:extLst>
  </p:cSld>
  <p:clrMapOvr>
    <a:masterClrMapping/>
  </p:clrMapOvr>
  <p:transition spd="slow">
    <p:push dir="u"/>
  </p:transition>
</p:sldLayout>
</file>

<file path=ppt/slideLayouts/slideLayout133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, subtitle &amp;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501650" y="651600"/>
            <a:ext cx="111887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/>
              <a:t>Click to add subtitle</a:t>
            </a:r>
          </a:p>
        </p:txBody>
      </p:sp>
      <p:sp>
        <p:nvSpPr>
          <p:cNvPr id="17" name="Chart Placeholder 3"/>
          <p:cNvSpPr>
            <a:spLocks noGrp="1"/>
          </p:cNvSpPr>
          <p:nvPr>
            <p:ph type="chart" sz="quarter" idx="15"/>
          </p:nvPr>
        </p:nvSpPr>
        <p:spPr>
          <a:xfrm>
            <a:off x="501652" y="2052000"/>
            <a:ext cx="11188699" cy="4069013"/>
          </a:xfrm>
          <a:prstGeom prst="rect">
            <a:avLst/>
          </a:prstGeom>
        </p:spPr>
        <p:txBody>
          <a:bodyPr>
            <a:noAutofit/>
          </a:bodyPr>
          <a:lstStyle/>
          <a:p>
            <a:r>
              <a:rPr lang="en-US"/>
              <a:t>Click icon to add chart</a:t>
            </a:r>
            <a:endParaRPr lang="en-GB"/>
          </a:p>
        </p:txBody>
      </p:sp>
      <p:sp>
        <p:nvSpPr>
          <p:cNvPr id="18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501652" y="1674087"/>
            <a:ext cx="11188699" cy="357187"/>
          </a:xfrm>
        </p:spPr>
        <p:txBody>
          <a:bodyPr>
            <a:noAutofit/>
          </a:bodyPr>
          <a:lstStyle/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19" name="Text Placeholder 7"/>
          <p:cNvSpPr>
            <a:spLocks noGrp="1"/>
          </p:cNvSpPr>
          <p:nvPr>
            <p:ph type="body" sz="quarter" idx="23"/>
          </p:nvPr>
        </p:nvSpPr>
        <p:spPr>
          <a:xfrm>
            <a:off x="501651" y="6121014"/>
            <a:ext cx="11188700" cy="260737"/>
          </a:xfrm>
        </p:spPr>
        <p:txBody>
          <a:bodyPr>
            <a:noAutofit/>
          </a:bodyPr>
          <a:lstStyle>
            <a:lvl1pPr>
              <a:spcAft>
                <a:spcPts val="0"/>
              </a:spcAft>
              <a:defRPr sz="9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8CFE9674-04ED-4C53-9426-4EA385799F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01650" y="317500"/>
            <a:ext cx="111887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>
                <a:latin typeface="+mj-lt"/>
              </a:defRPr>
            </a:lvl1pPr>
          </a:lstStyle>
          <a:p>
            <a:r>
              <a:rPr lang="en-US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1539307919"/>
      </p:ext>
    </p:extLst>
  </p:cSld>
  <p:clrMapOvr>
    <a:masterClrMapping/>
  </p:clrMapOvr>
  <p:transition>
    <p:fade/>
  </p:transition>
</p:sldLayout>
</file>

<file path=ppt/slideLayouts/slideLayout134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Otsikko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/>
              <a:t>Muokkaa perustyyl. napsautt.</a:t>
            </a:r>
          </a:p>
        </p:txBody>
      </p:sp>
      <p:sp>
        <p:nvSpPr>
          <p:cNvPr id="3" name="Sisällön paikkamerkki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i-FI"/>
              <a:t>Muokkaa tekstin perustyylejä</a:t>
            </a:r>
          </a:p>
          <a:p>
            <a:pPr lvl="1"/>
            <a:r>
              <a:rPr lang="fi-FI"/>
              <a:t>toinen taso</a:t>
            </a:r>
          </a:p>
          <a:p>
            <a:pPr lvl="2"/>
            <a:r>
              <a:rPr lang="fi-FI"/>
              <a:t>kolmas taso</a:t>
            </a:r>
          </a:p>
          <a:p>
            <a:pPr lvl="3"/>
            <a:r>
              <a:rPr lang="fi-FI"/>
              <a:t>neljäs taso</a:t>
            </a:r>
          </a:p>
          <a:p>
            <a:pPr lvl="4"/>
            <a:r>
              <a:rPr lang="fi-FI"/>
              <a:t>viides taso</a:t>
            </a:r>
          </a:p>
        </p:txBody>
      </p:sp>
      <p:sp>
        <p:nvSpPr>
          <p:cNvPr id="4" name="Päivämäärän paikkamerkki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FDA4A2-DCAB-4E8E-849B-92D21794DBAC}" type="datetime1">
              <a:rPr lang="fi-FI" smtClean="0"/>
              <a:t>8.3.2022</a:t>
            </a:fld>
            <a:endParaRPr lang="fi-FI"/>
          </a:p>
        </p:txBody>
      </p:sp>
      <p:sp>
        <p:nvSpPr>
          <p:cNvPr id="5" name="Alatunnisteen paikkamerkki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i-FI"/>
          </a:p>
        </p:txBody>
      </p:sp>
      <p:sp>
        <p:nvSpPr>
          <p:cNvPr id="6" name="Dian numeron paikkamerkki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9488B5-D842-4874-B534-160E9258EB96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893683765"/>
      </p:ext>
    </p:extLst>
  </p:cSld>
  <p:clrMapOvr>
    <a:masterClrMapping/>
  </p:clrMapOvr>
</p:sldLayout>
</file>

<file path=ppt/slideLayouts/slideLayout1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loitusruutu_valkoin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C8FAA00-08CB-4D42-BC42-5FD10B8E1D5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747D34-AD3B-438C-92B0-9699857F3D78}" type="datetime1">
              <a:rPr lang="fi-FI" smtClean="0"/>
              <a:t>8.3.2022</a:t>
            </a:fld>
            <a:endParaRPr lang="fi-FI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1B36D59-2219-4745-8866-3C10FB77AB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F5469C93-8108-497E-AE09-69B91A1ABF4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12" name="Subtitle 2">
            <a:extLst>
              <a:ext uri="{FF2B5EF4-FFF2-40B4-BE49-F238E27FC236}">
                <a16:creationId xmlns:a16="http://schemas.microsoft.com/office/drawing/2014/main" id="{EEFA9397-4EC2-428C-8028-EC8F9418B72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tx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13" name="Picture 12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7042E8DA-BDAD-400E-B10D-5DDB2028D58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0902" y="2000187"/>
            <a:ext cx="3645475" cy="3089974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E5960C26-0006-4CDB-BFA6-EED7F960FBB8}"/>
              </a:ext>
            </a:extLst>
          </p:cNvPr>
          <p:cNvSpPr/>
          <p:nvPr userDrawn="1"/>
        </p:nvSpPr>
        <p:spPr>
          <a:xfrm>
            <a:off x="9983495" y="0"/>
            <a:ext cx="2208505" cy="161544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A7633F30-81AA-4E31-B02C-5D35D292036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0902" y="2000060"/>
            <a:ext cx="3645475" cy="3089974"/>
          </a:xfrm>
          <a:prstGeom prst="rect">
            <a:avLst/>
          </a:prstGeom>
        </p:spPr>
      </p:pic>
      <p:sp>
        <p:nvSpPr>
          <p:cNvPr id="16" name="Footer Placeholder 4">
            <a:extLst>
              <a:ext uri="{FF2B5EF4-FFF2-40B4-BE49-F238E27FC236}">
                <a16:creationId xmlns:a16="http://schemas.microsoft.com/office/drawing/2014/main" id="{60B4022C-4631-4B82-ABDB-2F2B7E3881C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14519751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Tumma_fuks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5" name="Picture 4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822A6C1A-8158-4EA3-ACD3-C75B761DA41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0902" y="2000187"/>
            <a:ext cx="3645475" cy="3089974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23DB6CCF-4A6C-4CF2-81A9-169BDCA2331C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05482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vaalea_fuks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5" name="Picture 4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822A6C1A-8158-4EA3-ACD3-C75B761DA41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0902" y="2000187"/>
            <a:ext cx="3645475" cy="3089974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B6613919-E40D-4E1C-91AE-4EC06299956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651523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tumman_vihre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5" name="Picture 4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822A6C1A-8158-4EA3-ACD3-C75B761DA41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0902" y="2000187"/>
            <a:ext cx="3645475" cy="3089974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B2240283-3B0C-4D0D-BE44-5667AE81A58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438548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vaalean_vihre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5" name="Picture 4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822A6C1A-8158-4EA3-ACD3-C75B761DA41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0902" y="2000187"/>
            <a:ext cx="3645475" cy="3089974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2646688D-317B-46E6-8381-0BFD0E9AEEFF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958642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vaalean_sininen_kuvi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6" name="Picture 5" descr="A picture containing text, blackboard&#10;&#10;Description automatically generated">
            <a:extLst>
              <a:ext uri="{FF2B5EF4-FFF2-40B4-BE49-F238E27FC236}">
                <a16:creationId xmlns:a16="http://schemas.microsoft.com/office/drawing/2014/main" id="{D8FE91E8-160A-4795-8140-A27E9090797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2876" y="1691640"/>
            <a:ext cx="3649916" cy="347472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7335B6EE-4BD2-4FA8-B567-08DB7C3DC81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539124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tumman_sinin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5" name="Picture 4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822A6C1A-8158-4EA3-ACD3-C75B761DA41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0902" y="2000187"/>
            <a:ext cx="3645475" cy="3089974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12562931-1CE2-4D82-AD64-F416F6FD377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014541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vaalean_sinin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5" name="Picture 4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822A6C1A-8158-4EA3-ACD3-C75B761DA41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0902" y="2000187"/>
            <a:ext cx="3645475" cy="3089974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774BE6B3-307D-41F0-B2A8-C4BA8B7F3916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162614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loitusruutu_valkoinen_kuvi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3">
            <a:extLst>
              <a:ext uri="{FF2B5EF4-FFF2-40B4-BE49-F238E27FC236}">
                <a16:creationId xmlns:a16="http://schemas.microsoft.com/office/drawing/2014/main" id="{DC03B558-6B57-4598-B3E8-8733F4936DD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983495" y="6257748"/>
            <a:ext cx="1074804" cy="365125"/>
          </a:xfrm>
        </p:spPr>
        <p:txBody>
          <a:bodyPr/>
          <a:lstStyle/>
          <a:p>
            <a:fld id="{A294842E-CE57-4D76-A40E-B0D99D26E1A6}" type="datetime1">
              <a:rPr lang="fi-FI" smtClean="0"/>
              <a:t>8.3.2022</a:t>
            </a:fld>
            <a:endParaRPr lang="fi-FI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0D928AD-5ED4-4BF6-839E-DB314089DA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75568" y="6257749"/>
            <a:ext cx="603473" cy="365125"/>
          </a:xfrm>
        </p:spPr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4890241-FB3C-4BAC-8DB3-B8C212506C3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40014D83-E6A2-42CD-93B8-2757E8E6A36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tx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16" name="Picture 15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6AB84055-9B6F-4667-A415-4141BF2F686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0902" y="2000187"/>
            <a:ext cx="3645475" cy="3089974"/>
          </a:xfrm>
          <a:prstGeom prst="rect">
            <a:avLst/>
          </a:prstGeom>
        </p:spPr>
      </p:pic>
      <p:pic>
        <p:nvPicPr>
          <p:cNvPr id="17" name="Picture 16" descr="A picture containing text&#10;&#10;Description automatically generated">
            <a:extLst>
              <a:ext uri="{FF2B5EF4-FFF2-40B4-BE49-F238E27FC236}">
                <a16:creationId xmlns:a16="http://schemas.microsoft.com/office/drawing/2014/main" id="{471F456E-EC89-42DF-8E0F-AF14097D32A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2994" y="1686720"/>
            <a:ext cx="3649916" cy="3474720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9B27861D-71CD-4784-A6DE-E6BC1DB56222}"/>
              </a:ext>
            </a:extLst>
          </p:cNvPr>
          <p:cNvSpPr/>
          <p:nvPr userDrawn="1"/>
        </p:nvSpPr>
        <p:spPr>
          <a:xfrm>
            <a:off x="9983495" y="0"/>
            <a:ext cx="2208505" cy="161544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1244C952-ACC9-4870-B87B-DE9F734AC30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10112507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tumma_fuksia_kuvi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6" name="Picture 5" descr="A picture containing text, blackboard&#10;&#10;Description automatically generated">
            <a:extLst>
              <a:ext uri="{FF2B5EF4-FFF2-40B4-BE49-F238E27FC236}">
                <a16:creationId xmlns:a16="http://schemas.microsoft.com/office/drawing/2014/main" id="{5D0F3E8B-B9D6-401B-89DB-DECA733FA2E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2876" y="1691640"/>
            <a:ext cx="3649916" cy="347472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CD2C8CA8-8603-41A4-9DD3-10B8144817DF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154610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1_Aloitusruutu_tumma_fuksia_kuvio">
    <p:bg>
      <p:bgPr>
        <a:gradFill>
          <a:gsLst>
            <a:gs pos="0">
              <a:schemeClr val="accent6">
                <a:lumMod val="75000"/>
              </a:schemeClr>
            </a:gs>
            <a:gs pos="68000">
              <a:srgbClr val="DE0079"/>
            </a:gs>
            <a:gs pos="36000">
              <a:srgbClr val="E6007E"/>
            </a:gs>
            <a:gs pos="100000">
              <a:schemeClr val="accent6">
                <a:lumMod val="75000"/>
              </a:schemeClr>
            </a:gs>
          </a:gsLst>
          <a:lin ang="189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accent5">
                  <a:lumMod val="75000"/>
                </a:schemeClr>
              </a:gs>
              <a:gs pos="63000">
                <a:srgbClr val="DE0079"/>
              </a:gs>
              <a:gs pos="44000">
                <a:srgbClr val="E6007E"/>
              </a:gs>
              <a:gs pos="100000">
                <a:schemeClr val="accent5">
                  <a:lumMod val="7500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D2C8CA8-8603-41A4-9DD3-10B8144817D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23952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vaalea_fuksia_kuvi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6" name="Picture 5" descr="A picture containing text, blackboard&#10;&#10;Description automatically generated">
            <a:extLst>
              <a:ext uri="{FF2B5EF4-FFF2-40B4-BE49-F238E27FC236}">
                <a16:creationId xmlns:a16="http://schemas.microsoft.com/office/drawing/2014/main" id="{14FCAC9C-93C3-4BF3-AA69-FB92EE27B6D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2876" y="1691640"/>
            <a:ext cx="3649916" cy="347472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56353A0D-6841-4B42-BD5B-AC1A73F1AE5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165050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tumman_vihreä_kuvi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6" name="Picture 5" descr="A picture containing text, blackboard&#10;&#10;Description automatically generated">
            <a:extLst>
              <a:ext uri="{FF2B5EF4-FFF2-40B4-BE49-F238E27FC236}">
                <a16:creationId xmlns:a16="http://schemas.microsoft.com/office/drawing/2014/main" id="{81566161-9E2C-4A0C-B626-D0B4BE1F3E3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2876" y="1691640"/>
            <a:ext cx="3649916" cy="347472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3F4DEC7E-5326-4131-9336-902152B25D0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846356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vaalean_vihreä_kuvi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6" name="Picture 5" descr="A picture containing text, blackboard&#10;&#10;Description automatically generated">
            <a:extLst>
              <a:ext uri="{FF2B5EF4-FFF2-40B4-BE49-F238E27FC236}">
                <a16:creationId xmlns:a16="http://schemas.microsoft.com/office/drawing/2014/main" id="{32E69FE4-0D14-42F3-8ED8-B83ACA2DCA6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2876" y="1691640"/>
            <a:ext cx="3649916" cy="347472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E6B987F8-229E-46EB-8188-78F976D74A8B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127202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tumman_sininen_kuvi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6" name="Picture 5" descr="A picture containing text, blackboard&#10;&#10;Description automatically generated">
            <a:extLst>
              <a:ext uri="{FF2B5EF4-FFF2-40B4-BE49-F238E27FC236}">
                <a16:creationId xmlns:a16="http://schemas.microsoft.com/office/drawing/2014/main" id="{3339BBCE-72EB-4416-82B5-95E4D23ADFA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2876" y="1691640"/>
            <a:ext cx="3649916" cy="347472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731C5F59-1A73-4A2D-ACD6-B8171302A2F6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186475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vaalean_sininen_kuvi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6" name="Picture 5" descr="A picture containing text, blackboard&#10;&#10;Description automatically generated">
            <a:extLst>
              <a:ext uri="{FF2B5EF4-FFF2-40B4-BE49-F238E27FC236}">
                <a16:creationId xmlns:a16="http://schemas.microsoft.com/office/drawing/2014/main" id="{D8FE91E8-160A-4795-8140-A27E9090797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2876" y="1691640"/>
            <a:ext cx="3649916" cy="347472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7335B6EE-4BD2-4FA8-B567-08DB7C3DC81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390053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tsikko_ranskalaiset_viiv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21133D-692A-4488-9BA5-BB01BBC4CA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405DE7-9A18-4FFD-BB85-379C5A20C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024539" y="6257749"/>
            <a:ext cx="945718" cy="365125"/>
          </a:xfrm>
        </p:spPr>
        <p:txBody>
          <a:bodyPr/>
          <a:lstStyle/>
          <a:p>
            <a:fld id="{6FF84AC5-682C-4ADD-8FBE-74398EA7A13F}" type="datetime1">
              <a:rPr lang="fi-FI" smtClean="0"/>
              <a:t>8.3.2022</a:t>
            </a:fld>
            <a:endParaRPr lang="fi-FI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863EE8-A52B-409A-9FBC-73FBB2C250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36539525-7551-48F7-8D8F-A020ECBC39F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73669" y="1299308"/>
            <a:ext cx="11205372" cy="472935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FB766A24-A8D9-4DFA-BA8B-3E0D6E55AD2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1622107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tsikko_ranskalaiset_viiv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21133D-692A-4488-9BA5-BB01BBC4CA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405DE7-9A18-4FFD-BB85-379C5A20C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024539" y="6257749"/>
            <a:ext cx="945718" cy="365125"/>
          </a:xfrm>
        </p:spPr>
        <p:txBody>
          <a:bodyPr/>
          <a:lstStyle/>
          <a:p>
            <a:fld id="{45D64B0B-4278-43B0-AF27-05F386C10817}" type="datetime1">
              <a:rPr lang="fi-FI" smtClean="0"/>
              <a:t>8.3.2022</a:t>
            </a:fld>
            <a:endParaRPr lang="fi-FI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863EE8-A52B-409A-9FBC-73FBB2C250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36539525-7551-48F7-8D8F-A020ECBC39F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73669" y="1299308"/>
            <a:ext cx="11205372" cy="472935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FB766A24-A8D9-4DFA-BA8B-3E0D6E55AD2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8160746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Otsikko_ranskalaiset_viivat_iso_kontras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35B1E6AE-7991-4811-B577-296CC00A0009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721133D-692A-4488-9BA5-BB01BBC4CA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1D9F2CD-E67A-48D8-85FB-E255AB0F441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2pPr>
            <a:lvl3pPr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3pPr>
            <a:lvl4pPr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4pPr>
            <a:lvl5pPr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405DE7-9A18-4FFD-BB85-379C5A20C6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fld id="{8436C9D6-3632-4FA2-9429-AFE0997E2526}" type="datetime1">
              <a:rPr lang="fi-FI" smtClean="0"/>
              <a:t>8.3.2022</a:t>
            </a:fld>
            <a:endParaRPr lang="fi-FI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863EE8-A52B-409A-9FBC-73FBB2C250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fld id="{D5C7B8F6-2765-465B-BF52-D1DF320C1AE3}" type="slidenum">
              <a:rPr lang="fi-FI" smtClean="0"/>
              <a:pPr/>
              <a:t>‹#›</a:t>
            </a:fld>
            <a:endParaRPr lang="fi-FI"/>
          </a:p>
        </p:txBody>
      </p:sp>
      <p:pic>
        <p:nvPicPr>
          <p:cNvPr id="9" name="Picture 8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3143DAC5-3469-4AA9-93A1-540B07AA9A9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D377B993-D7C1-4A56-8EFB-3F16258CA59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pPr algn="ctr"/>
            <a:endParaRPr lang="fi-FI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38F563A7-F7AD-4616-9D1D-1AE82E267DA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88061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tsikko_perusteks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CF713E9-B21F-4277-80A4-C06234167A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2C75A9-52D8-4ED0-96C2-C69FE48EEDDD}" type="datetime1">
              <a:rPr lang="fi-FI" smtClean="0"/>
              <a:t>8.3.2022</a:t>
            </a:fld>
            <a:endParaRPr lang="fi-FI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955944B-F0B9-4271-96BA-E6828C38A7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FA8EAF9-11C2-4317-B287-93C13C5473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73668" y="487242"/>
            <a:ext cx="9569557" cy="61318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3F52C2CD-20CF-4F2D-8C05-1ADF71215B4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73669" y="1299308"/>
            <a:ext cx="11205372" cy="472935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07BE2601-7626-456C-A31B-5113E25B12A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2159057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tsikko_perusteksti__iso_kontras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2D2F3555-CD9C-4A92-8B27-541D98696F74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A9BE8E40-DB24-4417-9B9F-DD455E75BE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73668" y="487242"/>
            <a:ext cx="9569557" cy="61318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02909738-C33F-4A34-AAC5-D8CC68D5724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73669" y="1299308"/>
            <a:ext cx="11205372" cy="4729357"/>
          </a:xfrm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2pPr>
            <a:lvl3pPr marL="914400" indent="0">
              <a:buNone/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3pPr>
            <a:lvl4pPr marL="1371600" indent="0">
              <a:buNone/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4pPr>
            <a:lvl5pPr marL="1828800" indent="0">
              <a:buNone/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pic>
        <p:nvPicPr>
          <p:cNvPr id="15" name="Picture 14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D361B35F-DECC-405A-82A1-D429BC581DD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sp>
        <p:nvSpPr>
          <p:cNvPr id="16" name="Date Placeholder 3">
            <a:extLst>
              <a:ext uri="{FF2B5EF4-FFF2-40B4-BE49-F238E27FC236}">
                <a16:creationId xmlns:a16="http://schemas.microsoft.com/office/drawing/2014/main" id="{BC13E34C-B036-4245-917E-99D28939B31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983495" y="6257748"/>
            <a:ext cx="1074804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fld id="{A3BDAD07-4051-4654-8511-B9160FA11D65}" type="datetime1">
              <a:rPr lang="fi-FI" smtClean="0"/>
              <a:t>8.3.2022</a:t>
            </a:fld>
            <a:endParaRPr lang="fi-FI"/>
          </a:p>
        </p:txBody>
      </p:sp>
      <p:sp>
        <p:nvSpPr>
          <p:cNvPr id="17" name="Slide Number Placeholder 5">
            <a:extLst>
              <a:ext uri="{FF2B5EF4-FFF2-40B4-BE49-F238E27FC236}">
                <a16:creationId xmlns:a16="http://schemas.microsoft.com/office/drawing/2014/main" id="{D950A81C-68BB-4D18-9483-4D08863A3F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75568" y="6257749"/>
            <a:ext cx="603473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fld id="{D5C7B8F6-2765-465B-BF52-D1DF320C1AE3}" type="slidenum">
              <a:rPr lang="fi-FI" smtClean="0"/>
              <a:pPr/>
              <a:t>‹#›</a:t>
            </a:fld>
            <a:endParaRPr lang="fi-FI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1CC7B966-876A-403D-8087-11DB5C27EBE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pPr algn="ctr"/>
            <a:endParaRPr lang="fi-FI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CDF9320C-73B2-4D2C-8217-5358A9F1F23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299178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ksi_palstaa_ranskalaiset-viiv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A6D75F-9311-4EB4-B38D-B4E0EE179A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68F0DA0-946D-445D-ADA1-18880E3EC9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49A1E5-B65B-4FF5-B618-DE8F9C07D137}" type="datetime1">
              <a:rPr lang="fi-FI" smtClean="0"/>
              <a:t>8.3.2022</a:t>
            </a:fld>
            <a:endParaRPr lang="fi-FI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506BF10-D4FF-4D46-9E24-ADC7CD834E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CA6BCEC4-81A3-42F5-B62D-4067B34C561A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73667" y="1299308"/>
            <a:ext cx="5475251" cy="4729356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F9AF520A-DFB6-46AA-A90E-73856CB6FBB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6403790" y="1299307"/>
            <a:ext cx="5475251" cy="472935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B8DAE261-03D8-472D-B14F-C1DF423A713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1455249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ksi_palstaa_teks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A6D75F-9311-4EB4-B38D-B4E0EE179A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68F0DA0-946D-445D-ADA1-18880E3EC9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25A6D2-023E-4E61-8197-E0359C813BF8}" type="datetime1">
              <a:rPr lang="fi-FI" smtClean="0"/>
              <a:t>8.3.2022</a:t>
            </a:fld>
            <a:endParaRPr lang="fi-FI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506BF10-D4FF-4D46-9E24-ADC7CD834E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62A0A1FC-CD35-4C4A-8830-0BF62F39662B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73667" y="1299308"/>
            <a:ext cx="5475251" cy="4729356"/>
          </a:xfrm>
        </p:spPr>
        <p:txBody>
          <a:bodyPr/>
          <a:lstStyle>
            <a:lvl1pPr marL="0" indent="0"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40265E24-119F-4E75-B1BC-37B74F31F78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6403790" y="1299307"/>
            <a:ext cx="5475251" cy="4729355"/>
          </a:xfrm>
        </p:spPr>
        <p:txBody>
          <a:bodyPr/>
          <a:lstStyle>
            <a:lvl1pPr marL="0" indent="0"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52242108-567E-4E86-8B9F-64DA7D5726F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7789891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aliotsikko_valkoin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2BFC5D1-A434-41C0-A0AC-FA8C98998B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474AC1-841E-41C8-AF63-3D9485E4DA12}" type="datetime1">
              <a:rPr lang="fi-FI" smtClean="0"/>
              <a:t>8.3.2022</a:t>
            </a:fld>
            <a:endParaRPr lang="fi-FI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2A87B9-8B1F-4CE1-B8BD-8B96315517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A1378340-C080-47C5-983F-3EEBF0D75E0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2504504"/>
            <a:ext cx="10515600" cy="1500187"/>
          </a:xfrm>
        </p:spPr>
        <p:txBody>
          <a:bodyPr anchor="b">
            <a:normAutofit/>
          </a:bodyPr>
          <a:lstStyle>
            <a:lvl1pPr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E074EB3E-6D1F-4DA0-B8DD-662308A06C3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196271"/>
            <a:ext cx="10515600" cy="1500187"/>
          </a:xfr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chemeClr val="tx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E1F1CEFC-91A9-4473-A413-6D4A96A9FA7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1974104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Valiotsikko_tumma_fuks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75B7F77-A7E2-4A93-AF37-79AB66521759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CB7582F-B7A6-4B6B-AF59-21885C1D6E7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2504504"/>
            <a:ext cx="10515600" cy="1500187"/>
          </a:xfrm>
        </p:spPr>
        <p:txBody>
          <a:bodyPr anchor="b">
            <a:normAutofit/>
          </a:bodyPr>
          <a:lstStyle>
            <a:lvl1pPr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819DD4A-F530-4694-A831-4C3DFA62E22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196271"/>
            <a:ext cx="10515600" cy="1500187"/>
          </a:xfr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10" name="Picture 9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33F4A4EE-00AB-4282-8B80-FFBD6A5975D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80D9044F-FCBB-4029-9E23-FDB769B47151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12969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aliotsikko_vaalea_fuks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DCDCB01C-A9CF-445C-9A1A-5DF3BC0618D9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9D7BD377-A4BF-474C-8BF1-1CBA4AFD4B2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2504504"/>
            <a:ext cx="10515600" cy="1500187"/>
          </a:xfrm>
        </p:spPr>
        <p:txBody>
          <a:bodyPr anchor="b">
            <a:normAutofit/>
          </a:bodyPr>
          <a:lstStyle>
            <a:lvl1pPr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E7CFCA1B-A982-4A80-B70C-437B77980F0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196271"/>
            <a:ext cx="10515600" cy="1500187"/>
          </a:xfr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7" name="Picture 6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BAD7213B-62A6-4498-8992-D0679296D30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039C038-5957-40E0-B1CF-CFF1D573AE0B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33844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aliotsikko_tumman_vihre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FF15C473-637B-4F74-89B6-7827FF48489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A4837C24-9D16-44F1-9A88-B5B4D64290B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2504504"/>
            <a:ext cx="10515600" cy="1500187"/>
          </a:xfrm>
        </p:spPr>
        <p:txBody>
          <a:bodyPr anchor="b">
            <a:normAutofit/>
          </a:bodyPr>
          <a:lstStyle>
            <a:lvl1pPr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A09BF18D-EBB2-47F4-A616-B0540DA6F8B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196271"/>
            <a:ext cx="10515600" cy="1500187"/>
          </a:xfr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10" name="Picture 9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2050A66B-6ABF-42AA-92F8-DD58BCB477A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B3798B9D-FEAE-4ECD-B0F4-4094482A86BF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54292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Otsikko_ranskalaiset_viivat_iso_kontras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35B1E6AE-7991-4811-B577-296CC00A0009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721133D-692A-4488-9BA5-BB01BBC4CA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1D9F2CD-E67A-48D8-85FB-E255AB0F441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2pPr>
            <a:lvl3pPr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3pPr>
            <a:lvl4pPr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4pPr>
            <a:lvl5pPr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405DE7-9A18-4FFD-BB85-379C5A20C6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fld id="{27ED5BE2-B7AF-403E-818A-AC988F839444}" type="datetime1">
              <a:rPr lang="fi-FI" smtClean="0"/>
              <a:t>8.3.2022</a:t>
            </a:fld>
            <a:endParaRPr lang="fi-FI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863EE8-A52B-409A-9FBC-73FBB2C250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fld id="{D5C7B8F6-2765-465B-BF52-D1DF320C1AE3}" type="slidenum">
              <a:rPr lang="fi-FI" smtClean="0"/>
              <a:pPr/>
              <a:t>‹#›</a:t>
            </a:fld>
            <a:endParaRPr lang="fi-FI"/>
          </a:p>
        </p:txBody>
      </p:sp>
      <p:pic>
        <p:nvPicPr>
          <p:cNvPr id="9" name="Picture 8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3143DAC5-3469-4AA9-93A1-540B07AA9A9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D377B993-D7C1-4A56-8EFB-3F16258CA59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pPr algn="ctr"/>
            <a:endParaRPr lang="fi-FI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38F563A7-F7AD-4616-9D1D-1AE82E267DA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304115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aliotsikko_vaalean_vihre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0D0DAA0E-1818-42FF-BB6C-93FD419E1718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433585F5-0AE9-47A4-B6C9-1F5AA8AF39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2504504"/>
            <a:ext cx="10515600" cy="1500187"/>
          </a:xfrm>
        </p:spPr>
        <p:txBody>
          <a:bodyPr anchor="b">
            <a:normAutofit/>
          </a:bodyPr>
          <a:lstStyle>
            <a:lvl1pPr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1E078013-D062-4B74-BDD1-A7B1B92076E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196271"/>
            <a:ext cx="10515600" cy="1500187"/>
          </a:xfr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8" name="Picture 7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4AA073B5-0C86-430C-876B-7CC72F534E7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20000DCB-7161-46F8-98A1-B14A12FA314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228190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aliotsikko_tumman_sinin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0019E351-BD38-4277-ACBC-BAB6F0B4EDE3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9AEBCB3B-E258-4D1D-BC07-970AA3335D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2504504"/>
            <a:ext cx="10515600" cy="1500187"/>
          </a:xfrm>
        </p:spPr>
        <p:txBody>
          <a:bodyPr anchor="b">
            <a:normAutofit/>
          </a:bodyPr>
          <a:lstStyle>
            <a:lvl1pPr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231E5CBF-528D-4C27-BD3D-52A728543F0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196271"/>
            <a:ext cx="10515600" cy="1500187"/>
          </a:xfr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10" name="Picture 9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FB4ABDF5-105C-4805-AE9A-307C01A7B8C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EF3588A0-7B6A-460B-9E61-0B1E3C34B50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63862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aliotsikko_vaalean_sinin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3331C4A3-3B70-473F-87DC-97F62378B29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AEC2ADAF-8754-4CBB-B2D1-1331D17D25E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2504504"/>
            <a:ext cx="10515600" cy="1500187"/>
          </a:xfrm>
        </p:spPr>
        <p:txBody>
          <a:bodyPr anchor="b">
            <a:normAutofit/>
          </a:bodyPr>
          <a:lstStyle>
            <a:lvl1pPr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B57B995B-39BF-44D4-988C-8C346A16CD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196271"/>
            <a:ext cx="10515600" cy="1500187"/>
          </a:xfr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8" name="Picture 7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3B8B122C-4305-4D0B-A2FA-D71C3E41AA5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514AF265-CBF7-48D7-9C80-7B57889C64C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814392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yhj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CF713E9-B21F-4277-80A4-C06234167A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403CA46-5CAF-40BC-BA6C-D8820079DFA1}" type="datetime1">
              <a:rPr lang="fi-FI" smtClean="0"/>
              <a:t>8.3.2022</a:t>
            </a:fld>
            <a:endParaRPr lang="fi-FI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955944B-F0B9-4271-96BA-E6828C38A7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456CC2-9C69-4506-ADB6-C3431FE02F5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1228820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yhja_kuvi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CF713E9-B21F-4277-80A4-C06234167A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81276B6-7A9D-4997-A825-B15B04E54B51}" type="datetime1">
              <a:rPr lang="fi-FI" smtClean="0"/>
              <a:t>8.3.2022</a:t>
            </a:fld>
            <a:endParaRPr lang="fi-FI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955944B-F0B9-4271-96BA-E6828C38A7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pic>
        <p:nvPicPr>
          <p:cNvPr id="5" name="Picture 4" descr="A picture containing text&#10;&#10;Description automatically generated">
            <a:extLst>
              <a:ext uri="{FF2B5EF4-FFF2-40B4-BE49-F238E27FC236}">
                <a16:creationId xmlns:a16="http://schemas.microsoft.com/office/drawing/2014/main" id="{F2D2C7BF-71D4-48BF-9DD2-FE65AF4A265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47890" y="812800"/>
            <a:ext cx="5496219" cy="5232400"/>
          </a:xfrm>
          <a:prstGeom prst="rect">
            <a:avLst/>
          </a:prstGeom>
        </p:spPr>
      </p:pic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5E94213E-8A70-4CDD-9D43-D0A90C3E1C6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6272337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irakka_ja_sel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CF713E9-B21F-4277-80A4-C06234167A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237A58-ACE8-422D-89C8-C151B2E37004}" type="datetime1">
              <a:rPr lang="fi-FI" smtClean="0"/>
              <a:t>8.3.2022</a:t>
            </a:fld>
            <a:endParaRPr lang="fi-FI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955944B-F0B9-4271-96BA-E6828C38A7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graphicFrame>
        <p:nvGraphicFramePr>
          <p:cNvPr id="7" name="Chart 6">
            <a:extLst>
              <a:ext uri="{FF2B5EF4-FFF2-40B4-BE49-F238E27FC236}">
                <a16:creationId xmlns:a16="http://schemas.microsoft.com/office/drawing/2014/main" id="{562D0573-C666-4B1A-9757-E53C856462BA}"/>
              </a:ext>
            </a:extLst>
          </p:cNvPr>
          <p:cNvGraphicFramePr/>
          <p:nvPr userDrawn="1">
            <p:extLst>
              <p:ext uri="{D42A27DB-BD31-4B8C-83A1-F6EECF244321}">
                <p14:modId xmlns:p14="http://schemas.microsoft.com/office/powerpoint/2010/main" val="3317966050"/>
              </p:ext>
            </p:extLst>
          </p:nvPr>
        </p:nvGraphicFramePr>
        <p:xfrm>
          <a:off x="850900" y="1314449"/>
          <a:ext cx="6329829" cy="450850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4F594614-D71D-4F1E-8614-54BFC47CAF7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7421563" y="1314449"/>
            <a:ext cx="3932237" cy="4508500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58EF112B-7659-4965-8D51-4E3F618E5A9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73668" y="487242"/>
            <a:ext cx="9569557" cy="61318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28CB20B9-BF14-48B7-8FBF-55A893F5012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3910307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lkit_ja_sel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CF713E9-B21F-4277-80A4-C06234167A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B385E-FF45-4B77-B11A-CD204BA4F5FD}" type="datetime1">
              <a:rPr lang="fi-FI" smtClean="0"/>
              <a:t>8.3.2022</a:t>
            </a:fld>
            <a:endParaRPr lang="fi-FI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955944B-F0B9-4271-96BA-E6828C38A7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graphicFrame>
        <p:nvGraphicFramePr>
          <p:cNvPr id="7" name="Chart 6">
            <a:extLst>
              <a:ext uri="{FF2B5EF4-FFF2-40B4-BE49-F238E27FC236}">
                <a16:creationId xmlns:a16="http://schemas.microsoft.com/office/drawing/2014/main" id="{562D0573-C666-4B1A-9757-E53C856462BA}"/>
              </a:ext>
            </a:extLst>
          </p:cNvPr>
          <p:cNvGraphicFramePr/>
          <p:nvPr userDrawn="1">
            <p:extLst>
              <p:ext uri="{D42A27DB-BD31-4B8C-83A1-F6EECF244321}">
                <p14:modId xmlns:p14="http://schemas.microsoft.com/office/powerpoint/2010/main" val="3524090704"/>
              </p:ext>
            </p:extLst>
          </p:nvPr>
        </p:nvGraphicFramePr>
        <p:xfrm>
          <a:off x="850900" y="1314449"/>
          <a:ext cx="6311900" cy="450850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4F594614-D71D-4F1E-8614-54BFC47CAF7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7421563" y="1314449"/>
            <a:ext cx="3932237" cy="4508500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0E089EDF-B6EA-42D8-ABC5-DC3F5127A98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73668" y="487242"/>
            <a:ext cx="9569557" cy="61318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2B898320-2141-47A4-9BD0-C34010A7F7A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15576052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sto_tumma_fuksi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592E092F-4C18-4469-8E83-6A834109ED10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52FAAFFF-5F2B-4165-A1EB-978BD4A568D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570956" y="1967371"/>
            <a:ext cx="7050087" cy="2291431"/>
          </a:xfrm>
        </p:spPr>
        <p:txBody>
          <a:bodyPr>
            <a:noAutofit/>
          </a:bodyPr>
          <a:lstStyle>
            <a:lvl1pPr marL="0" indent="0" algn="ctr">
              <a:buNone/>
              <a:defRPr sz="18000" spc="-15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15B32EA3-DA3E-406D-8BC9-DB57E97263D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570956" y="4416489"/>
            <a:ext cx="7050087" cy="1531937"/>
          </a:xfrm>
        </p:spPr>
        <p:txBody>
          <a:bodyPr>
            <a:normAutofit/>
          </a:bodyPr>
          <a:lstStyle>
            <a:lvl1pPr marL="0" indent="0" algn="ctr">
              <a:buNone/>
              <a:defRPr sz="4000" b="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9" name="Picture 8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66B60650-2462-4885-BDFA-965FD8BF28A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EF420B20-D0B9-412C-A986-EE4A299C275C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953538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sto_vaalea_fuksi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8F300340-25EF-4F66-8FC0-3524FCC23AB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5" name="Text Placeholder 7">
            <a:extLst>
              <a:ext uri="{FF2B5EF4-FFF2-40B4-BE49-F238E27FC236}">
                <a16:creationId xmlns:a16="http://schemas.microsoft.com/office/drawing/2014/main" id="{A5AC8F70-F194-41C7-805B-D92734070F4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570956" y="1967371"/>
            <a:ext cx="7050087" cy="2291431"/>
          </a:xfrm>
        </p:spPr>
        <p:txBody>
          <a:bodyPr>
            <a:noAutofit/>
          </a:bodyPr>
          <a:lstStyle>
            <a:lvl1pPr marL="0" indent="0" algn="ctr">
              <a:buNone/>
              <a:defRPr sz="18000" spc="-15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Text Placeholder 9">
            <a:extLst>
              <a:ext uri="{FF2B5EF4-FFF2-40B4-BE49-F238E27FC236}">
                <a16:creationId xmlns:a16="http://schemas.microsoft.com/office/drawing/2014/main" id="{2FE8445C-4D7C-459B-A750-14E5D4ADDF74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570956" y="4416489"/>
            <a:ext cx="7050087" cy="1531937"/>
          </a:xfrm>
        </p:spPr>
        <p:txBody>
          <a:bodyPr>
            <a:normAutofit/>
          </a:bodyPr>
          <a:lstStyle>
            <a:lvl1pPr marL="0" indent="0" algn="ctr">
              <a:buNone/>
              <a:defRPr sz="4000" b="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9" name="Picture 8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0D5E3786-1E77-41FF-ACC3-2C07F23E9AD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87512402-4326-4965-85DC-B1C3CB99F22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415677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sto_tumman_vihreä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E053C6DA-FD50-4615-B8FB-FF833B6B874C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9" name="Text Placeholder 7">
            <a:extLst>
              <a:ext uri="{FF2B5EF4-FFF2-40B4-BE49-F238E27FC236}">
                <a16:creationId xmlns:a16="http://schemas.microsoft.com/office/drawing/2014/main" id="{1D8D3088-BD2C-4F0D-AC59-B1D90F282A1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570956" y="1967371"/>
            <a:ext cx="7050087" cy="2291431"/>
          </a:xfrm>
        </p:spPr>
        <p:txBody>
          <a:bodyPr>
            <a:noAutofit/>
          </a:bodyPr>
          <a:lstStyle>
            <a:lvl1pPr marL="0" indent="0" algn="ctr">
              <a:buNone/>
              <a:defRPr sz="18000" spc="-15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729D64E-D9FD-4A72-A218-5A46A2A9E00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570956" y="4416489"/>
            <a:ext cx="7050087" cy="1531937"/>
          </a:xfrm>
        </p:spPr>
        <p:txBody>
          <a:bodyPr>
            <a:normAutofit/>
          </a:bodyPr>
          <a:lstStyle>
            <a:lvl1pPr marL="0" indent="0" algn="ctr">
              <a:buNone/>
              <a:defRPr sz="4000" b="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13" name="Picture 12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E2367D72-1261-4F4B-95BA-C217F9F6FE4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7B66ACCA-7C79-452D-AC6D-E7CE0118EBBF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991604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tsikko_perusteks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CF713E9-B21F-4277-80A4-C06234167A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052BFA-D1B1-4F10-9C2D-643307B963F0}" type="datetime1">
              <a:rPr lang="fi-FI" smtClean="0"/>
              <a:t>8.3.2022</a:t>
            </a:fld>
            <a:endParaRPr lang="fi-FI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955944B-F0B9-4271-96BA-E6828C38A7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FA8EAF9-11C2-4317-B287-93C13C5473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73668" y="487242"/>
            <a:ext cx="9569557" cy="61318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3F52C2CD-20CF-4F2D-8C05-1ADF71215B4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73669" y="1299308"/>
            <a:ext cx="11205372" cy="472935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07BE2601-7626-456C-A31B-5113E25B12A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11865460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sto_vaalean_vihreä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C5FDCB13-2229-4EDE-9601-A214D628E3EB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10A3972D-8B49-48B9-A933-077AD84C2B7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570956" y="1967371"/>
            <a:ext cx="7050087" cy="2291431"/>
          </a:xfrm>
        </p:spPr>
        <p:txBody>
          <a:bodyPr>
            <a:noAutofit/>
          </a:bodyPr>
          <a:lstStyle>
            <a:lvl1pPr marL="0" indent="0" algn="ctr">
              <a:buNone/>
              <a:defRPr sz="18000" spc="-15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Text Placeholder 9">
            <a:extLst>
              <a:ext uri="{FF2B5EF4-FFF2-40B4-BE49-F238E27FC236}">
                <a16:creationId xmlns:a16="http://schemas.microsoft.com/office/drawing/2014/main" id="{0144724E-5CC4-417F-B397-D5FCDD27933A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570956" y="4416489"/>
            <a:ext cx="7050087" cy="1531937"/>
          </a:xfrm>
        </p:spPr>
        <p:txBody>
          <a:bodyPr>
            <a:normAutofit/>
          </a:bodyPr>
          <a:lstStyle>
            <a:lvl1pPr marL="0" indent="0" algn="ctr">
              <a:buNone/>
              <a:defRPr sz="4000" b="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10" name="Picture 9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0E4A42AB-E5D2-487E-A666-3E81D0EC4CF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E95806FA-A7F8-4680-B00C-DC11DE1C9C76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079602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sto_tumman_sininen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D6DD7C14-1622-4EAE-AD65-6E914DFD8C1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9" name="Text Placeholder 7">
            <a:extLst>
              <a:ext uri="{FF2B5EF4-FFF2-40B4-BE49-F238E27FC236}">
                <a16:creationId xmlns:a16="http://schemas.microsoft.com/office/drawing/2014/main" id="{09808EF1-5D0E-43DC-80F8-12870B32C9E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570956" y="1967371"/>
            <a:ext cx="7050087" cy="2291431"/>
          </a:xfrm>
        </p:spPr>
        <p:txBody>
          <a:bodyPr>
            <a:noAutofit/>
          </a:bodyPr>
          <a:lstStyle>
            <a:lvl1pPr marL="0" indent="0" algn="ctr">
              <a:buNone/>
              <a:defRPr sz="18000" spc="-15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410962C8-DE63-43D8-8942-0B0108C26B1A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570956" y="4416489"/>
            <a:ext cx="7050087" cy="1531937"/>
          </a:xfrm>
        </p:spPr>
        <p:txBody>
          <a:bodyPr>
            <a:normAutofit/>
          </a:bodyPr>
          <a:lstStyle>
            <a:lvl1pPr marL="0" indent="0" algn="ctr">
              <a:buNone/>
              <a:defRPr sz="4000" b="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13" name="Picture 12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2D6D991B-5BB1-4C8D-8A99-46E6234F7EF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63E06A6A-500D-4A81-A3A7-C636B9A8F49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679665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sto_vaalean_sininen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6AD99560-B70C-4CB4-8E0D-135C4B4F0D2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2F4CE26A-6975-4088-8C1C-2779DB91995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570956" y="1967371"/>
            <a:ext cx="7050087" cy="2291431"/>
          </a:xfrm>
        </p:spPr>
        <p:txBody>
          <a:bodyPr>
            <a:noAutofit/>
          </a:bodyPr>
          <a:lstStyle>
            <a:lvl1pPr marL="0" indent="0" algn="ctr">
              <a:buNone/>
              <a:defRPr sz="18000" spc="-15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Text Placeholder 9">
            <a:extLst>
              <a:ext uri="{FF2B5EF4-FFF2-40B4-BE49-F238E27FC236}">
                <a16:creationId xmlns:a16="http://schemas.microsoft.com/office/drawing/2014/main" id="{A4292A37-662E-4DBC-A495-79057914CC1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570956" y="4416489"/>
            <a:ext cx="7050087" cy="1531937"/>
          </a:xfrm>
        </p:spPr>
        <p:txBody>
          <a:bodyPr>
            <a:normAutofit/>
          </a:bodyPr>
          <a:lstStyle>
            <a:lvl1pPr marL="0" indent="0" algn="ctr">
              <a:buNone/>
              <a:defRPr sz="4000" b="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10" name="Picture 9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FAF58029-5C3F-4E73-9857-1AC430FAE03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8472B7A3-2663-4A44-A26A-8324E29C4C9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753014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inaus_tumma_fuksi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B3812B7F-03F8-47AC-A428-BF026456F918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2B7FEA2D-6A52-47ED-8DFD-956DBBF7B7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582737" y="3069240"/>
            <a:ext cx="9026525" cy="2264569"/>
          </a:xfrm>
        </p:spPr>
        <p:txBody>
          <a:bodyPr anchor="t">
            <a:normAutofit/>
          </a:bodyPr>
          <a:lstStyle>
            <a:lvl1pPr algn="ctr"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3" name="Graphic 2" descr="Closed quotation mark">
            <a:extLst>
              <a:ext uri="{FF2B5EF4-FFF2-40B4-BE49-F238E27FC236}">
                <a16:creationId xmlns:a16="http://schemas.microsoft.com/office/drawing/2014/main" id="{CFBDBB6F-3A4D-4629-93D3-14502AE8EC4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33375" y="225439"/>
            <a:ext cx="4206846" cy="4206846"/>
          </a:xfrm>
          <a:prstGeom prst="rect">
            <a:avLst/>
          </a:prstGeom>
        </p:spPr>
      </p:pic>
      <p:pic>
        <p:nvPicPr>
          <p:cNvPr id="12" name="Graphic 11" descr="Closed quotation mark">
            <a:extLst>
              <a:ext uri="{FF2B5EF4-FFF2-40B4-BE49-F238E27FC236}">
                <a16:creationId xmlns:a16="http://schemas.microsoft.com/office/drawing/2014/main" id="{FDCD013D-750B-40EC-B3FD-30866C557B3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rot="10800000">
            <a:off x="7877175" y="3230386"/>
            <a:ext cx="4206846" cy="4206846"/>
          </a:xfrm>
          <a:prstGeom prst="rect">
            <a:avLst/>
          </a:prstGeom>
        </p:spPr>
      </p:pic>
      <p:pic>
        <p:nvPicPr>
          <p:cNvPr id="8" name="Picture 7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2948B9A5-346C-4658-B145-33839B120553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2C84AE66-04F3-4FC4-827B-3D825FC2FB4B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650827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inaus_vaalea_fuksi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163B5C1A-13B1-4DF6-9D59-D74F0DD9A7C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60D7ED0F-9041-499A-921C-AEFDAC4F82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582737" y="3069240"/>
            <a:ext cx="9026525" cy="2264569"/>
          </a:xfrm>
        </p:spPr>
        <p:txBody>
          <a:bodyPr anchor="t">
            <a:normAutofit/>
          </a:bodyPr>
          <a:lstStyle>
            <a:lvl1pPr algn="ctr"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8" name="Graphic 7" descr="Closed quotation mark">
            <a:extLst>
              <a:ext uri="{FF2B5EF4-FFF2-40B4-BE49-F238E27FC236}">
                <a16:creationId xmlns:a16="http://schemas.microsoft.com/office/drawing/2014/main" id="{2DF3ECAD-51F9-426B-BA2A-A31D15606BC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33375" y="225439"/>
            <a:ext cx="4206846" cy="4206846"/>
          </a:xfrm>
          <a:prstGeom prst="rect">
            <a:avLst/>
          </a:prstGeom>
        </p:spPr>
      </p:pic>
      <p:pic>
        <p:nvPicPr>
          <p:cNvPr id="9" name="Graphic 8" descr="Closed quotation mark">
            <a:extLst>
              <a:ext uri="{FF2B5EF4-FFF2-40B4-BE49-F238E27FC236}">
                <a16:creationId xmlns:a16="http://schemas.microsoft.com/office/drawing/2014/main" id="{054D988B-BD2E-4868-BD0C-02864267099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rot="10800000">
            <a:off x="7877175" y="3230386"/>
            <a:ext cx="4206846" cy="4206846"/>
          </a:xfrm>
          <a:prstGeom prst="rect">
            <a:avLst/>
          </a:prstGeom>
        </p:spPr>
      </p:pic>
      <p:pic>
        <p:nvPicPr>
          <p:cNvPr id="10" name="Picture 9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3E6C6386-945C-47E0-A075-7592821D6103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4BB7FA65-2EFB-4FAE-93DF-18B27B9B5D2B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110986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inaus_tumman_vihreä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AA28C2B3-EED9-4BDF-AC6A-C2BFC1453DA8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D605A358-014F-48BC-99D7-1F4227F7FE4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582737" y="3069240"/>
            <a:ext cx="9026525" cy="2264569"/>
          </a:xfrm>
        </p:spPr>
        <p:txBody>
          <a:bodyPr anchor="t">
            <a:normAutofit/>
          </a:bodyPr>
          <a:lstStyle>
            <a:lvl1pPr algn="ctr"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8" name="Graphic 7" descr="Closed quotation mark">
            <a:extLst>
              <a:ext uri="{FF2B5EF4-FFF2-40B4-BE49-F238E27FC236}">
                <a16:creationId xmlns:a16="http://schemas.microsoft.com/office/drawing/2014/main" id="{A0E55188-C435-4ADB-89AF-C484D0CC348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33375" y="225439"/>
            <a:ext cx="4206846" cy="4206846"/>
          </a:xfrm>
          <a:prstGeom prst="rect">
            <a:avLst/>
          </a:prstGeom>
        </p:spPr>
      </p:pic>
      <p:pic>
        <p:nvPicPr>
          <p:cNvPr id="9" name="Graphic 8" descr="Closed quotation mark">
            <a:extLst>
              <a:ext uri="{FF2B5EF4-FFF2-40B4-BE49-F238E27FC236}">
                <a16:creationId xmlns:a16="http://schemas.microsoft.com/office/drawing/2014/main" id="{5CC0672F-9201-45FA-9419-DF8790A0BC2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rot="10800000">
            <a:off x="7877175" y="3230386"/>
            <a:ext cx="4206846" cy="4206846"/>
          </a:xfrm>
          <a:prstGeom prst="rect">
            <a:avLst/>
          </a:prstGeom>
        </p:spPr>
      </p:pic>
      <p:pic>
        <p:nvPicPr>
          <p:cNvPr id="10" name="Picture 9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FE4D2E0D-6F0C-4473-9A14-F0C36B7C2D23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CF8D27C9-8603-41B8-86B2-143B00789D69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428445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inaus_vaalean_vihreä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B4D3C9BD-E553-4532-8F1B-692757DFFA32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2B7FEA2D-6A52-47ED-8DFD-956DBBF7B7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582737" y="3069240"/>
            <a:ext cx="9026525" cy="2264569"/>
          </a:xfrm>
        </p:spPr>
        <p:txBody>
          <a:bodyPr anchor="t">
            <a:normAutofit/>
          </a:bodyPr>
          <a:lstStyle>
            <a:lvl1pPr algn="ctr"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3" name="Graphic 2" descr="Closed quotation mark">
            <a:extLst>
              <a:ext uri="{FF2B5EF4-FFF2-40B4-BE49-F238E27FC236}">
                <a16:creationId xmlns:a16="http://schemas.microsoft.com/office/drawing/2014/main" id="{CFBDBB6F-3A4D-4629-93D3-14502AE8EC4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33375" y="225439"/>
            <a:ext cx="4206846" cy="4206846"/>
          </a:xfrm>
          <a:prstGeom prst="rect">
            <a:avLst/>
          </a:prstGeom>
        </p:spPr>
      </p:pic>
      <p:pic>
        <p:nvPicPr>
          <p:cNvPr id="12" name="Graphic 11" descr="Closed quotation mark">
            <a:extLst>
              <a:ext uri="{FF2B5EF4-FFF2-40B4-BE49-F238E27FC236}">
                <a16:creationId xmlns:a16="http://schemas.microsoft.com/office/drawing/2014/main" id="{FDCD013D-750B-40EC-B3FD-30866C557B3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rot="10800000">
            <a:off x="7877175" y="3230386"/>
            <a:ext cx="4206846" cy="4206846"/>
          </a:xfrm>
          <a:prstGeom prst="rect">
            <a:avLst/>
          </a:prstGeom>
        </p:spPr>
      </p:pic>
      <p:pic>
        <p:nvPicPr>
          <p:cNvPr id="6" name="Picture 5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F5C3D7A0-CEE8-4810-AC66-8EEF47827F7C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00A7BB2D-8403-4821-A23A-A7F9980B163B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48296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inaus_tumman_sininen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32F164F4-88DD-4DB6-A969-CF67CBF9190F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60D7ED0F-9041-499A-921C-AEFDAC4F82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582737" y="3069240"/>
            <a:ext cx="9026525" cy="2264569"/>
          </a:xfrm>
        </p:spPr>
        <p:txBody>
          <a:bodyPr anchor="t">
            <a:normAutofit/>
          </a:bodyPr>
          <a:lstStyle>
            <a:lvl1pPr algn="ctr"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8" name="Graphic 7" descr="Closed quotation mark">
            <a:extLst>
              <a:ext uri="{FF2B5EF4-FFF2-40B4-BE49-F238E27FC236}">
                <a16:creationId xmlns:a16="http://schemas.microsoft.com/office/drawing/2014/main" id="{2DF3ECAD-51F9-426B-BA2A-A31D15606BC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33375" y="225439"/>
            <a:ext cx="4206846" cy="4206846"/>
          </a:xfrm>
          <a:prstGeom prst="rect">
            <a:avLst/>
          </a:prstGeom>
        </p:spPr>
      </p:pic>
      <p:pic>
        <p:nvPicPr>
          <p:cNvPr id="9" name="Graphic 8" descr="Closed quotation mark">
            <a:extLst>
              <a:ext uri="{FF2B5EF4-FFF2-40B4-BE49-F238E27FC236}">
                <a16:creationId xmlns:a16="http://schemas.microsoft.com/office/drawing/2014/main" id="{054D988B-BD2E-4868-BD0C-02864267099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rot="10800000">
            <a:off x="7877175" y="3230386"/>
            <a:ext cx="4206846" cy="4206846"/>
          </a:xfrm>
          <a:prstGeom prst="rect">
            <a:avLst/>
          </a:prstGeom>
        </p:spPr>
      </p:pic>
      <p:pic>
        <p:nvPicPr>
          <p:cNvPr id="6" name="Picture 5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9BD1C4AC-F731-4E7C-B6EF-52E5B96F5D81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2EB6F2C5-68ED-495F-AA1D-095F742BE87D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542006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inaus_vaalean_sininen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1ACB5D14-0A9E-4CB4-A060-CF81F97CF1E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D605A358-014F-48BC-99D7-1F4227F7FE4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582737" y="3069240"/>
            <a:ext cx="9026525" cy="2264569"/>
          </a:xfrm>
        </p:spPr>
        <p:txBody>
          <a:bodyPr anchor="t">
            <a:normAutofit/>
          </a:bodyPr>
          <a:lstStyle>
            <a:lvl1pPr algn="ctr"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8" name="Graphic 7" descr="Closed quotation mark">
            <a:extLst>
              <a:ext uri="{FF2B5EF4-FFF2-40B4-BE49-F238E27FC236}">
                <a16:creationId xmlns:a16="http://schemas.microsoft.com/office/drawing/2014/main" id="{A0E55188-C435-4ADB-89AF-C484D0CC348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33375" y="225439"/>
            <a:ext cx="4206846" cy="4206846"/>
          </a:xfrm>
          <a:prstGeom prst="rect">
            <a:avLst/>
          </a:prstGeom>
        </p:spPr>
      </p:pic>
      <p:pic>
        <p:nvPicPr>
          <p:cNvPr id="9" name="Graphic 8" descr="Closed quotation mark">
            <a:extLst>
              <a:ext uri="{FF2B5EF4-FFF2-40B4-BE49-F238E27FC236}">
                <a16:creationId xmlns:a16="http://schemas.microsoft.com/office/drawing/2014/main" id="{5CC0672F-9201-45FA-9419-DF8790A0BC2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rot="10800000">
            <a:off x="7877175" y="3230386"/>
            <a:ext cx="4206846" cy="4206846"/>
          </a:xfrm>
          <a:prstGeom prst="rect">
            <a:avLst/>
          </a:prstGeom>
        </p:spPr>
      </p:pic>
      <p:pic>
        <p:nvPicPr>
          <p:cNvPr id="6" name="Picture 5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6C7CBFF0-AFA3-42D3-93F0-41E668754ABA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78D0B143-9B6A-4DE3-8C57-E3A879D06BCC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334384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salto_pals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143383C-D902-4359-B134-36B4C4F73CF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8156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8B999F5-4813-427F-A4E4-5335441DBDA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160494"/>
            <a:ext cx="3932237" cy="370849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000F1A4-B81E-45E1-9606-07525FFE27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8212E5-9A56-4EEE-96ED-C97AE7E626F1}" type="datetime1">
              <a:rPr lang="fi-FI" smtClean="0"/>
              <a:t>8.3.2022</a:t>
            </a:fld>
            <a:endParaRPr lang="fi-FI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840F95E-9FAF-473A-8740-38C0D6F7556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D4EB64A9-0753-493D-931D-D429FE2A22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987425"/>
            <a:ext cx="3932237" cy="965199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27897217-BD8C-4F57-9294-7DC932179A6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6133373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tsikko_perusteksti__iso_kontras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2D2F3555-CD9C-4A92-8B27-541D98696F74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A9BE8E40-DB24-4417-9B9F-DD455E75BE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73668" y="487242"/>
            <a:ext cx="9569557" cy="61318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02909738-C33F-4A34-AAC5-D8CC68D5724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73669" y="1299308"/>
            <a:ext cx="11205372" cy="4729357"/>
          </a:xfrm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2pPr>
            <a:lvl3pPr marL="914400" indent="0">
              <a:buNone/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3pPr>
            <a:lvl4pPr marL="1371600" indent="0">
              <a:buNone/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4pPr>
            <a:lvl5pPr marL="1828800" indent="0">
              <a:buNone/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pic>
        <p:nvPicPr>
          <p:cNvPr id="15" name="Picture 14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D361B35F-DECC-405A-82A1-D429BC581DD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sp>
        <p:nvSpPr>
          <p:cNvPr id="16" name="Date Placeholder 3">
            <a:extLst>
              <a:ext uri="{FF2B5EF4-FFF2-40B4-BE49-F238E27FC236}">
                <a16:creationId xmlns:a16="http://schemas.microsoft.com/office/drawing/2014/main" id="{BC13E34C-B036-4245-917E-99D28939B31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983495" y="6257748"/>
            <a:ext cx="1074804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fld id="{832E2344-CCBF-4647-A16A-C617232C0854}" type="datetime1">
              <a:rPr lang="fi-FI" smtClean="0"/>
              <a:t>8.3.2022</a:t>
            </a:fld>
            <a:endParaRPr lang="fi-FI"/>
          </a:p>
        </p:txBody>
      </p:sp>
      <p:sp>
        <p:nvSpPr>
          <p:cNvPr id="17" name="Slide Number Placeholder 5">
            <a:extLst>
              <a:ext uri="{FF2B5EF4-FFF2-40B4-BE49-F238E27FC236}">
                <a16:creationId xmlns:a16="http://schemas.microsoft.com/office/drawing/2014/main" id="{D950A81C-68BB-4D18-9483-4D08863A3F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75568" y="6257749"/>
            <a:ext cx="603473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fld id="{D5C7B8F6-2765-465B-BF52-D1DF320C1AE3}" type="slidenum">
              <a:rPr lang="fi-FI" smtClean="0"/>
              <a:pPr/>
              <a:t>‹#›</a:t>
            </a:fld>
            <a:endParaRPr lang="fi-FI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1CC7B966-876A-403D-8087-11DB5C27EBE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pPr algn="ctr"/>
            <a:endParaRPr lang="fi-FI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CDF9320C-73B2-4D2C-8217-5358A9F1F23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130726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uoli_sivua_kuva_valkoin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2">
            <a:extLst>
              <a:ext uri="{FF2B5EF4-FFF2-40B4-BE49-F238E27FC236}">
                <a16:creationId xmlns:a16="http://schemas.microsoft.com/office/drawing/2014/main" id="{0E54EFB4-12B2-4DFE-9F2E-3D2DD7CA7A1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7288306" y="0"/>
            <a:ext cx="4903694" cy="68580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i-FI"/>
          </a:p>
        </p:txBody>
      </p:sp>
      <p:sp>
        <p:nvSpPr>
          <p:cNvPr id="6" name="Text Placeholder 3">
            <a:extLst>
              <a:ext uri="{FF2B5EF4-FFF2-40B4-BE49-F238E27FC236}">
                <a16:creationId xmlns:a16="http://schemas.microsoft.com/office/drawing/2014/main" id="{996869CB-89D0-4DA9-89A5-3150AD97AD9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160494"/>
            <a:ext cx="6036141" cy="370849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309055EB-5B06-42A3-A3F7-9558E538E1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987425"/>
            <a:ext cx="6036141" cy="965199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11" name="Picture 10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93E22456-AB22-4CB4-9C0E-E7E2302CA3D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510184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uoli_sivua_kuva_tumma_fuks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754224DE-DE84-4CDB-804C-D62F8DBAD4A4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12" name="Picture Placeholder 2">
            <a:extLst>
              <a:ext uri="{FF2B5EF4-FFF2-40B4-BE49-F238E27FC236}">
                <a16:creationId xmlns:a16="http://schemas.microsoft.com/office/drawing/2014/main" id="{636513FB-22B8-45CF-AEF7-A64E2EBADB8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7288306" y="0"/>
            <a:ext cx="4903694" cy="68580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fi-FI"/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689C3558-BCB4-4A57-AFB2-95ED2FE2816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160494"/>
            <a:ext cx="6036141" cy="3708494"/>
          </a:xfrm>
        </p:spPr>
        <p:txBody>
          <a:bodyPr/>
          <a:lstStyle>
            <a:lvl1pPr marL="0" indent="0">
              <a:buNone/>
              <a:defRPr sz="16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1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2pPr>
            <a:lvl3pPr marL="914400" indent="0">
              <a:buNone/>
              <a:defRPr sz="12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3pPr>
            <a:lvl4pPr marL="13716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4pPr>
            <a:lvl5pPr marL="18288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E68424A2-D2D4-4E4F-9B59-69E589A8D3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987425"/>
            <a:ext cx="6036141" cy="965199"/>
          </a:xfrm>
        </p:spPr>
        <p:txBody>
          <a:bodyPr anchor="b"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15" name="Picture 14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3FEABE71-E81F-4523-B5C3-B7A2E66D3CB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DC418F9D-13A3-4626-9E3D-49D09D588BFC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852001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uoli_sivua_kuva_vaalea_fuks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AD6E9C94-F91C-4351-80A3-EF626BB6D9F3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5C731633-EDC4-4E10-A99C-BCF4E3D47F0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7288306" y="0"/>
            <a:ext cx="4903694" cy="68580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fi-FI"/>
          </a:p>
        </p:txBody>
      </p: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74383859-0CAC-4E51-BE74-57E16ABFBCD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160494"/>
            <a:ext cx="6036141" cy="3708494"/>
          </a:xfrm>
        </p:spPr>
        <p:txBody>
          <a:bodyPr/>
          <a:lstStyle>
            <a:lvl1pPr marL="0" indent="0">
              <a:buNone/>
              <a:defRPr sz="16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1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2pPr>
            <a:lvl3pPr marL="914400" indent="0">
              <a:buNone/>
              <a:defRPr sz="12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3pPr>
            <a:lvl4pPr marL="13716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4pPr>
            <a:lvl5pPr marL="18288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8A68DA7D-4465-4F6E-8E5C-4866B5E828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987425"/>
            <a:ext cx="6036141" cy="965199"/>
          </a:xfrm>
        </p:spPr>
        <p:txBody>
          <a:bodyPr anchor="b"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17" name="Picture 16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97076935-D697-414D-AD85-CDF94E89038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53C36CB3-C464-4EE8-A100-EA1F3F701A5F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60403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uoli_sivua_kuva_tumman_vihre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44D596EB-6C87-4E77-A282-E8F4AC510AA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16" name="Picture Placeholder 2">
            <a:extLst>
              <a:ext uri="{FF2B5EF4-FFF2-40B4-BE49-F238E27FC236}">
                <a16:creationId xmlns:a16="http://schemas.microsoft.com/office/drawing/2014/main" id="{79554269-A758-425E-A7A9-3297720BD12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7288306" y="0"/>
            <a:ext cx="4903694" cy="68580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fi-FI"/>
          </a:p>
        </p:txBody>
      </p:sp>
      <p:sp>
        <p:nvSpPr>
          <p:cNvPr id="17" name="Text Placeholder 3">
            <a:extLst>
              <a:ext uri="{FF2B5EF4-FFF2-40B4-BE49-F238E27FC236}">
                <a16:creationId xmlns:a16="http://schemas.microsoft.com/office/drawing/2014/main" id="{2DA1327E-385A-450D-B8CB-02C8C36636A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160494"/>
            <a:ext cx="6036141" cy="3708494"/>
          </a:xfrm>
        </p:spPr>
        <p:txBody>
          <a:bodyPr/>
          <a:lstStyle>
            <a:lvl1pPr marL="0" indent="0">
              <a:buNone/>
              <a:defRPr sz="16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1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2pPr>
            <a:lvl3pPr marL="914400" indent="0">
              <a:buNone/>
              <a:defRPr sz="12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3pPr>
            <a:lvl4pPr marL="13716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4pPr>
            <a:lvl5pPr marL="18288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104CD8A6-3E7E-41DC-8B95-CADBC6BE8E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987425"/>
            <a:ext cx="6036141" cy="965199"/>
          </a:xfrm>
        </p:spPr>
        <p:txBody>
          <a:bodyPr anchor="b"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19" name="Picture 18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969AA01B-7F14-434E-9FCE-1A5429402C1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1A42D9FD-2B12-421C-90EC-2996F4D4957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663533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uoli_sivua_kuva_vaalean_vihre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6E3197DA-176C-4FE5-917B-D17DC70B7543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A7A8F4DB-F8D7-4D33-9C7B-C531A059907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7288306" y="0"/>
            <a:ext cx="4903694" cy="68580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fi-FI"/>
          </a:p>
        </p:txBody>
      </p: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30538F70-F123-419A-9310-66299939375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160494"/>
            <a:ext cx="6036141" cy="3708494"/>
          </a:xfrm>
        </p:spPr>
        <p:txBody>
          <a:bodyPr/>
          <a:lstStyle>
            <a:lvl1pPr marL="0" indent="0">
              <a:buNone/>
              <a:defRPr sz="16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1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2pPr>
            <a:lvl3pPr marL="914400" indent="0">
              <a:buNone/>
              <a:defRPr sz="12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3pPr>
            <a:lvl4pPr marL="13716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4pPr>
            <a:lvl5pPr marL="18288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A0D085CB-FF03-477D-99B3-E2B4ACDB91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987425"/>
            <a:ext cx="6036141" cy="965199"/>
          </a:xfrm>
        </p:spPr>
        <p:txBody>
          <a:bodyPr anchor="b"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17" name="Picture 16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32B46A89-505B-4C00-9603-774EE16B94E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20C9463F-722D-4A14-A275-2C0DE27D3CDD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176857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uoli_sivua_kuva_tumman_sinin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Graphic 6" descr="Deciduous tree">
            <a:extLst>
              <a:ext uri="{FF2B5EF4-FFF2-40B4-BE49-F238E27FC236}">
                <a16:creationId xmlns:a16="http://schemas.microsoft.com/office/drawing/2014/main" id="{A93C0E96-BAF3-4CE6-893E-BBBF4EBBF80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585642" y="2665254"/>
            <a:ext cx="4720908" cy="4720908"/>
          </a:xfrm>
          <a:prstGeom prst="rect">
            <a:avLst/>
          </a:prstGeom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70E12F5B-6168-40D0-A95F-7BDBB48756DD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16" name="Picture Placeholder 2">
            <a:extLst>
              <a:ext uri="{FF2B5EF4-FFF2-40B4-BE49-F238E27FC236}">
                <a16:creationId xmlns:a16="http://schemas.microsoft.com/office/drawing/2014/main" id="{9CACB86E-ED50-48E8-88C1-FFE2056D2CE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7288306" y="0"/>
            <a:ext cx="4903694" cy="68580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fi-FI"/>
          </a:p>
        </p:txBody>
      </p:sp>
      <p:sp>
        <p:nvSpPr>
          <p:cNvPr id="17" name="Text Placeholder 3">
            <a:extLst>
              <a:ext uri="{FF2B5EF4-FFF2-40B4-BE49-F238E27FC236}">
                <a16:creationId xmlns:a16="http://schemas.microsoft.com/office/drawing/2014/main" id="{120CEAFD-8292-45D3-B6A0-B7E44502677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160494"/>
            <a:ext cx="6036141" cy="3708494"/>
          </a:xfrm>
        </p:spPr>
        <p:txBody>
          <a:bodyPr/>
          <a:lstStyle>
            <a:lvl1pPr marL="0" indent="0">
              <a:buNone/>
              <a:defRPr sz="16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1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2pPr>
            <a:lvl3pPr marL="914400" indent="0">
              <a:buNone/>
              <a:defRPr sz="12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3pPr>
            <a:lvl4pPr marL="13716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4pPr>
            <a:lvl5pPr marL="18288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F2DDBF5D-668F-4A0C-B7A0-CADB0FE8819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987425"/>
            <a:ext cx="6036141" cy="965199"/>
          </a:xfrm>
        </p:spPr>
        <p:txBody>
          <a:bodyPr anchor="b"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19" name="Picture 18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8F3EC7DD-D9F8-4C93-8A6B-1B071ABDC332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C7BA4C3A-646D-4F4B-9ECB-183D2126A02F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63837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uoli_sivua_kuva_vaalean_sinin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AC4A104B-18AA-4D32-99D1-997AD7245062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5F519A0-39B0-4EC5-A2A2-3EA77121432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7288306" y="0"/>
            <a:ext cx="4903694" cy="68580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fi-FI"/>
          </a:p>
        </p:txBody>
      </p: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0D42A1AF-7F9C-4CF2-BBFC-B82C6AD759B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160494"/>
            <a:ext cx="6036141" cy="3708494"/>
          </a:xfrm>
        </p:spPr>
        <p:txBody>
          <a:bodyPr/>
          <a:lstStyle>
            <a:lvl1pPr marL="0" indent="0">
              <a:buNone/>
              <a:defRPr sz="16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1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2pPr>
            <a:lvl3pPr marL="914400" indent="0">
              <a:buNone/>
              <a:defRPr sz="12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3pPr>
            <a:lvl4pPr marL="13716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4pPr>
            <a:lvl5pPr marL="18288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5E104650-C3CA-4705-9048-D79637A331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987425"/>
            <a:ext cx="6036141" cy="965199"/>
          </a:xfrm>
        </p:spPr>
        <p:txBody>
          <a:bodyPr anchor="b"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17" name="Picture 16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8A0A90A8-9FE0-4C37-82BD-085ACB37DFB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E40EE8DD-F6DC-42C1-837C-34C80E11601D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564702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Vaak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C746F1-38DD-4FD1-8721-CA848852FCF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B6F0F28-7AEF-4281-9330-AB1ACB57916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6830CEB-310C-4C23-BD33-AD1ABF5D42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AE0CAC-F315-437A-9BFB-68AAEB7FEF77}" type="datetime1">
              <a:rPr lang="fi-FI" smtClean="0"/>
              <a:t>8.3.2022</a:t>
            </a:fld>
            <a:endParaRPr lang="fi-FI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8DFE85-AC06-48FB-92D6-25F3F0EA7D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3C718087-0904-42CB-BF7F-BF506ABCAA2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12069690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aaka_ja_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EC0FA221-AA95-4298-AD12-8A88E18CD9B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1033271"/>
            <a:ext cx="2628900" cy="5143691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49273D4-E8DF-45BF-9698-44476027888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1033271"/>
            <a:ext cx="7734300" cy="5143692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E20074-A776-4019-A129-04037FC893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F16862-73F1-439D-8C19-8718EF178EBF}" type="datetime1">
              <a:rPr lang="fi-FI" smtClean="0"/>
              <a:t>8.3.2022</a:t>
            </a:fld>
            <a:endParaRPr lang="fi-FI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6F14635-FF9B-4224-842E-C960380FAF5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3FF30BED-DFC0-40F3-8884-6966E14F2B7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6627444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ksi_palstaa_ranskalaiset-viiv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A6D75F-9311-4EB4-B38D-B4E0EE179A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68F0DA0-946D-445D-ADA1-18880E3EC9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2C04E3-1AC5-4649-859F-14F5ACF71339}" type="datetime1">
              <a:rPr lang="fi-FI" smtClean="0"/>
              <a:t>8.3.2022</a:t>
            </a:fld>
            <a:endParaRPr lang="fi-FI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506BF10-D4FF-4D46-9E24-ADC7CD834E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CA6BCEC4-81A3-42F5-B62D-4067B34C561A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73667" y="1299308"/>
            <a:ext cx="5475251" cy="4729356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F9AF520A-DFB6-46AA-A90E-73856CB6FBB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6403790" y="1299307"/>
            <a:ext cx="5475251" cy="472935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B8DAE261-03D8-472D-B14F-C1DF423A713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40783577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Tumma_fuks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5" name="Picture 4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822A6C1A-8158-4EA3-ACD3-C75B761DA41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0902" y="2000187"/>
            <a:ext cx="3645475" cy="3089974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23DB6CCF-4A6C-4CF2-81A9-169BDCA2331C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91344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ksi_palstaa_teks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A6D75F-9311-4EB4-B38D-B4E0EE179A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68F0DA0-946D-445D-ADA1-18880E3EC9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B2708A-3E2C-4D33-821B-B383FABDA4EB}" type="datetime1">
              <a:rPr lang="fi-FI" smtClean="0"/>
              <a:t>8.3.2022</a:t>
            </a:fld>
            <a:endParaRPr lang="fi-FI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506BF10-D4FF-4D46-9E24-ADC7CD834E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62A0A1FC-CD35-4C4A-8830-0BF62F39662B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73667" y="1299308"/>
            <a:ext cx="5475251" cy="4729356"/>
          </a:xfrm>
        </p:spPr>
        <p:txBody>
          <a:bodyPr/>
          <a:lstStyle>
            <a:lvl1pPr marL="0" indent="0"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40265E24-119F-4E75-B1BC-37B74F31F78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6403790" y="1299307"/>
            <a:ext cx="5475251" cy="4729355"/>
          </a:xfrm>
        </p:spPr>
        <p:txBody>
          <a:bodyPr/>
          <a:lstStyle>
            <a:lvl1pPr marL="0" indent="0"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52242108-567E-4E86-8B9F-64DA7D5726F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4411163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aliotsikko_valkoin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2BFC5D1-A434-41C0-A0AC-FA8C98998B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0D71F47-FFBA-4868-A0A3-84E21796F718}" type="datetime1">
              <a:rPr lang="fi-FI" smtClean="0"/>
              <a:t>8.3.2022</a:t>
            </a:fld>
            <a:endParaRPr lang="fi-FI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2A87B9-8B1F-4CE1-B8BD-8B96315517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A1378340-C080-47C5-983F-3EEBF0D75E0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2504504"/>
            <a:ext cx="10515600" cy="1500187"/>
          </a:xfrm>
        </p:spPr>
        <p:txBody>
          <a:bodyPr anchor="b">
            <a:normAutofit/>
          </a:bodyPr>
          <a:lstStyle>
            <a:lvl1pPr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E074EB3E-6D1F-4DA0-B8DD-662308A06C3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196271"/>
            <a:ext cx="10515600" cy="1500187"/>
          </a:xfr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chemeClr val="tx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E1F1CEFC-91A9-4473-A413-6D4A96A9FA7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703628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Valiotsikko_tumma_fuks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75B7F77-A7E2-4A93-AF37-79AB66521759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CB7582F-B7A6-4B6B-AF59-21885C1D6E7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2504504"/>
            <a:ext cx="10515600" cy="1500187"/>
          </a:xfrm>
        </p:spPr>
        <p:txBody>
          <a:bodyPr anchor="b">
            <a:normAutofit/>
          </a:bodyPr>
          <a:lstStyle>
            <a:lvl1pPr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819DD4A-F530-4694-A831-4C3DFA62E22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196271"/>
            <a:ext cx="10515600" cy="1500187"/>
          </a:xfr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10" name="Picture 9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33F4A4EE-00AB-4282-8B80-FFBD6A5975D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80D9044F-FCBB-4029-9E23-FDB769B47151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122419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aliotsikko_vaalea_fuks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DCDCB01C-A9CF-445C-9A1A-5DF3BC0618D9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9D7BD377-A4BF-474C-8BF1-1CBA4AFD4B2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2504504"/>
            <a:ext cx="10515600" cy="1500187"/>
          </a:xfrm>
        </p:spPr>
        <p:txBody>
          <a:bodyPr anchor="b">
            <a:normAutofit/>
          </a:bodyPr>
          <a:lstStyle>
            <a:lvl1pPr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E7CFCA1B-A982-4A80-B70C-437B77980F0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196271"/>
            <a:ext cx="10515600" cy="1500187"/>
          </a:xfr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7" name="Picture 6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BAD7213B-62A6-4498-8992-D0679296D30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039C038-5957-40E0-B1CF-CFF1D573AE0B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968903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aliotsikko_tumman_vihre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FF15C473-637B-4F74-89B6-7827FF48489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A4837C24-9D16-44F1-9A88-B5B4D64290B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2504504"/>
            <a:ext cx="10515600" cy="1500187"/>
          </a:xfrm>
        </p:spPr>
        <p:txBody>
          <a:bodyPr anchor="b">
            <a:normAutofit/>
          </a:bodyPr>
          <a:lstStyle>
            <a:lvl1pPr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A09BF18D-EBB2-47F4-A616-B0540DA6F8B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196271"/>
            <a:ext cx="10515600" cy="1500187"/>
          </a:xfr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10" name="Picture 9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2050A66B-6ABF-42AA-92F8-DD58BCB477A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B3798B9D-FEAE-4ECD-B0F4-4094482A86BF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809300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aliotsikko_vaalean_vihre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0D0DAA0E-1818-42FF-BB6C-93FD419E1718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433585F5-0AE9-47A4-B6C9-1F5AA8AF39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2504504"/>
            <a:ext cx="10515600" cy="1500187"/>
          </a:xfrm>
        </p:spPr>
        <p:txBody>
          <a:bodyPr anchor="b">
            <a:normAutofit/>
          </a:bodyPr>
          <a:lstStyle>
            <a:lvl1pPr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1E078013-D062-4B74-BDD1-A7B1B92076E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196271"/>
            <a:ext cx="10515600" cy="1500187"/>
          </a:xfr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8" name="Picture 7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4AA073B5-0C86-430C-876B-7CC72F534E7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20000DCB-7161-46F8-98A1-B14A12FA314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23246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aliotsikko_tumman_sinin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0019E351-BD38-4277-ACBC-BAB6F0B4EDE3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9AEBCB3B-E258-4D1D-BC07-970AA3335D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2504504"/>
            <a:ext cx="10515600" cy="1500187"/>
          </a:xfrm>
        </p:spPr>
        <p:txBody>
          <a:bodyPr anchor="b">
            <a:normAutofit/>
          </a:bodyPr>
          <a:lstStyle>
            <a:lvl1pPr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231E5CBF-528D-4C27-BD3D-52A728543F0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196271"/>
            <a:ext cx="10515600" cy="1500187"/>
          </a:xfr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10" name="Picture 9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FB4ABDF5-105C-4805-AE9A-307C01A7B8C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EF3588A0-7B6A-460B-9E61-0B1E3C34B50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849759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aliotsikko_vaalean_sinin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3331C4A3-3B70-473F-87DC-97F62378B29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AEC2ADAF-8754-4CBB-B2D1-1331D17D25E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2504504"/>
            <a:ext cx="10515600" cy="1500187"/>
          </a:xfrm>
        </p:spPr>
        <p:txBody>
          <a:bodyPr anchor="b">
            <a:normAutofit/>
          </a:bodyPr>
          <a:lstStyle>
            <a:lvl1pPr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B57B995B-39BF-44D4-988C-8C346A16CD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196271"/>
            <a:ext cx="10515600" cy="1500187"/>
          </a:xfr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8" name="Picture 7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3B8B122C-4305-4D0B-A2FA-D71C3E41AA5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514AF265-CBF7-48D7-9C80-7B57889C64C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661447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yhj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CF713E9-B21F-4277-80A4-C06234167A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FF7A75-DF67-4ADC-9FB0-2E9A47A66C77}" type="datetime1">
              <a:rPr lang="fi-FI" smtClean="0"/>
              <a:t>8.3.2022</a:t>
            </a:fld>
            <a:endParaRPr lang="fi-FI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955944B-F0B9-4271-96BA-E6828C38A7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456CC2-9C69-4506-ADB6-C3431FE02F5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9471999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yhja_kuvi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CF713E9-B21F-4277-80A4-C06234167A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B31DC9-7C48-4984-A0DB-5891A01AEE31}" type="datetime1">
              <a:rPr lang="fi-FI" smtClean="0"/>
              <a:t>8.3.2022</a:t>
            </a:fld>
            <a:endParaRPr lang="fi-FI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955944B-F0B9-4271-96BA-E6828C38A7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pic>
        <p:nvPicPr>
          <p:cNvPr id="5" name="Picture 4" descr="A picture containing text&#10;&#10;Description automatically generated">
            <a:extLst>
              <a:ext uri="{FF2B5EF4-FFF2-40B4-BE49-F238E27FC236}">
                <a16:creationId xmlns:a16="http://schemas.microsoft.com/office/drawing/2014/main" id="{F2D2C7BF-71D4-48BF-9DD2-FE65AF4A265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47890" y="812800"/>
            <a:ext cx="5496219" cy="5232400"/>
          </a:xfrm>
          <a:prstGeom prst="rect">
            <a:avLst/>
          </a:prstGeom>
        </p:spPr>
      </p:pic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5E94213E-8A70-4CDD-9D43-D0A90C3E1C6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2352546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vaalea_fuks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5" name="Picture 4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822A6C1A-8158-4EA3-ACD3-C75B761DA41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0902" y="2000187"/>
            <a:ext cx="3645475" cy="3089974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B6613919-E40D-4E1C-91AE-4EC06299956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216469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irakka_ja_sel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CF713E9-B21F-4277-80A4-C06234167A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538F54-8EC3-4BAD-8B37-8AF506B9794F}" type="datetime1">
              <a:rPr lang="fi-FI" smtClean="0"/>
              <a:t>8.3.2022</a:t>
            </a:fld>
            <a:endParaRPr lang="fi-FI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955944B-F0B9-4271-96BA-E6828C38A7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graphicFrame>
        <p:nvGraphicFramePr>
          <p:cNvPr id="7" name="Chart 6">
            <a:extLst>
              <a:ext uri="{FF2B5EF4-FFF2-40B4-BE49-F238E27FC236}">
                <a16:creationId xmlns:a16="http://schemas.microsoft.com/office/drawing/2014/main" id="{562D0573-C666-4B1A-9757-E53C856462BA}"/>
              </a:ext>
            </a:extLst>
          </p:cNvPr>
          <p:cNvGraphicFramePr/>
          <p:nvPr userDrawn="1">
            <p:extLst>
              <p:ext uri="{D42A27DB-BD31-4B8C-83A1-F6EECF244321}">
                <p14:modId xmlns:p14="http://schemas.microsoft.com/office/powerpoint/2010/main" val="257501312"/>
              </p:ext>
            </p:extLst>
          </p:nvPr>
        </p:nvGraphicFramePr>
        <p:xfrm>
          <a:off x="850900" y="1314449"/>
          <a:ext cx="6329829" cy="450850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4F594614-D71D-4F1E-8614-54BFC47CAF7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7421563" y="1314449"/>
            <a:ext cx="3932237" cy="4508500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58EF112B-7659-4965-8D51-4E3F618E5A9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73668" y="487242"/>
            <a:ext cx="9569557" cy="61318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28CB20B9-BF14-48B7-8FBF-55A893F5012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2985441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lkit_ja_sel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CF713E9-B21F-4277-80A4-C06234167A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2D179E-10AB-4224-8F06-9AEBB6DAE164}" type="datetime1">
              <a:rPr lang="fi-FI" smtClean="0"/>
              <a:t>8.3.2022</a:t>
            </a:fld>
            <a:endParaRPr lang="fi-FI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955944B-F0B9-4271-96BA-E6828C38A7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graphicFrame>
        <p:nvGraphicFramePr>
          <p:cNvPr id="7" name="Chart 6">
            <a:extLst>
              <a:ext uri="{FF2B5EF4-FFF2-40B4-BE49-F238E27FC236}">
                <a16:creationId xmlns:a16="http://schemas.microsoft.com/office/drawing/2014/main" id="{562D0573-C666-4B1A-9757-E53C856462BA}"/>
              </a:ext>
            </a:extLst>
          </p:cNvPr>
          <p:cNvGraphicFramePr/>
          <p:nvPr userDrawn="1">
            <p:extLst>
              <p:ext uri="{D42A27DB-BD31-4B8C-83A1-F6EECF244321}">
                <p14:modId xmlns:p14="http://schemas.microsoft.com/office/powerpoint/2010/main" val="1114869723"/>
              </p:ext>
            </p:extLst>
          </p:nvPr>
        </p:nvGraphicFramePr>
        <p:xfrm>
          <a:off x="850900" y="1314449"/>
          <a:ext cx="6311900" cy="450850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4F594614-D71D-4F1E-8614-54BFC47CAF7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7421563" y="1314449"/>
            <a:ext cx="3932237" cy="4508500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0E089EDF-B6EA-42D8-ABC5-DC3F5127A98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73668" y="487242"/>
            <a:ext cx="9569557" cy="61318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2B898320-2141-47A4-9BD0-C34010A7F7A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059990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sto_tumma_fuksi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592E092F-4C18-4469-8E83-6A834109ED10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52FAAFFF-5F2B-4165-A1EB-978BD4A568D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570956" y="1967371"/>
            <a:ext cx="7050087" cy="2291431"/>
          </a:xfrm>
        </p:spPr>
        <p:txBody>
          <a:bodyPr>
            <a:noAutofit/>
          </a:bodyPr>
          <a:lstStyle>
            <a:lvl1pPr marL="0" indent="0" algn="ctr">
              <a:buNone/>
              <a:defRPr sz="18000" spc="-15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15B32EA3-DA3E-406D-8BC9-DB57E97263D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570956" y="4416489"/>
            <a:ext cx="7050087" cy="1531937"/>
          </a:xfrm>
        </p:spPr>
        <p:txBody>
          <a:bodyPr>
            <a:normAutofit/>
          </a:bodyPr>
          <a:lstStyle>
            <a:lvl1pPr marL="0" indent="0" algn="ctr">
              <a:buNone/>
              <a:defRPr sz="4000" b="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9" name="Picture 8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66B60650-2462-4885-BDFA-965FD8BF28A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EF420B20-D0B9-412C-A986-EE4A299C275C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9500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sto_vaalea_fuksi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8F300340-25EF-4F66-8FC0-3524FCC23AB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5" name="Text Placeholder 7">
            <a:extLst>
              <a:ext uri="{FF2B5EF4-FFF2-40B4-BE49-F238E27FC236}">
                <a16:creationId xmlns:a16="http://schemas.microsoft.com/office/drawing/2014/main" id="{A5AC8F70-F194-41C7-805B-D92734070F4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570956" y="1967371"/>
            <a:ext cx="7050087" cy="2291431"/>
          </a:xfrm>
        </p:spPr>
        <p:txBody>
          <a:bodyPr>
            <a:noAutofit/>
          </a:bodyPr>
          <a:lstStyle>
            <a:lvl1pPr marL="0" indent="0" algn="ctr">
              <a:buNone/>
              <a:defRPr sz="18000" spc="-15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Text Placeholder 9">
            <a:extLst>
              <a:ext uri="{FF2B5EF4-FFF2-40B4-BE49-F238E27FC236}">
                <a16:creationId xmlns:a16="http://schemas.microsoft.com/office/drawing/2014/main" id="{2FE8445C-4D7C-459B-A750-14E5D4ADDF74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570956" y="4416489"/>
            <a:ext cx="7050087" cy="1531937"/>
          </a:xfrm>
        </p:spPr>
        <p:txBody>
          <a:bodyPr>
            <a:normAutofit/>
          </a:bodyPr>
          <a:lstStyle>
            <a:lvl1pPr marL="0" indent="0" algn="ctr">
              <a:buNone/>
              <a:defRPr sz="4000" b="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9" name="Picture 8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0D5E3786-1E77-41FF-ACC3-2C07F23E9AD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87512402-4326-4965-85DC-B1C3CB99F22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241513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sto_tumman_vihreä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E053C6DA-FD50-4615-B8FB-FF833B6B874C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9" name="Text Placeholder 7">
            <a:extLst>
              <a:ext uri="{FF2B5EF4-FFF2-40B4-BE49-F238E27FC236}">
                <a16:creationId xmlns:a16="http://schemas.microsoft.com/office/drawing/2014/main" id="{1D8D3088-BD2C-4F0D-AC59-B1D90F282A1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570956" y="1967371"/>
            <a:ext cx="7050087" cy="2291431"/>
          </a:xfrm>
        </p:spPr>
        <p:txBody>
          <a:bodyPr>
            <a:noAutofit/>
          </a:bodyPr>
          <a:lstStyle>
            <a:lvl1pPr marL="0" indent="0" algn="ctr">
              <a:buNone/>
              <a:defRPr sz="18000" spc="-15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729D64E-D9FD-4A72-A218-5A46A2A9E00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570956" y="4416489"/>
            <a:ext cx="7050087" cy="1531937"/>
          </a:xfrm>
        </p:spPr>
        <p:txBody>
          <a:bodyPr>
            <a:normAutofit/>
          </a:bodyPr>
          <a:lstStyle>
            <a:lvl1pPr marL="0" indent="0" algn="ctr">
              <a:buNone/>
              <a:defRPr sz="4000" b="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13" name="Picture 12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E2367D72-1261-4F4B-95BA-C217F9F6FE4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7B66ACCA-7C79-452D-AC6D-E7CE0118EBBF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375900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sto_vaalean_vihreä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C5FDCB13-2229-4EDE-9601-A214D628E3EB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10A3972D-8B49-48B9-A933-077AD84C2B7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570956" y="1967371"/>
            <a:ext cx="7050087" cy="2291431"/>
          </a:xfrm>
        </p:spPr>
        <p:txBody>
          <a:bodyPr>
            <a:noAutofit/>
          </a:bodyPr>
          <a:lstStyle>
            <a:lvl1pPr marL="0" indent="0" algn="ctr">
              <a:buNone/>
              <a:defRPr sz="18000" spc="-15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Text Placeholder 9">
            <a:extLst>
              <a:ext uri="{FF2B5EF4-FFF2-40B4-BE49-F238E27FC236}">
                <a16:creationId xmlns:a16="http://schemas.microsoft.com/office/drawing/2014/main" id="{0144724E-5CC4-417F-B397-D5FCDD27933A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570956" y="4416489"/>
            <a:ext cx="7050087" cy="1531937"/>
          </a:xfrm>
        </p:spPr>
        <p:txBody>
          <a:bodyPr>
            <a:normAutofit/>
          </a:bodyPr>
          <a:lstStyle>
            <a:lvl1pPr marL="0" indent="0" algn="ctr">
              <a:buNone/>
              <a:defRPr sz="4000" b="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10" name="Picture 9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0E4A42AB-E5D2-487E-A666-3E81D0EC4CF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E95806FA-A7F8-4680-B00C-DC11DE1C9C76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93665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sto_tumman_sininen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D6DD7C14-1622-4EAE-AD65-6E914DFD8C1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9" name="Text Placeholder 7">
            <a:extLst>
              <a:ext uri="{FF2B5EF4-FFF2-40B4-BE49-F238E27FC236}">
                <a16:creationId xmlns:a16="http://schemas.microsoft.com/office/drawing/2014/main" id="{09808EF1-5D0E-43DC-80F8-12870B32C9E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570956" y="1967371"/>
            <a:ext cx="7050087" cy="2291431"/>
          </a:xfrm>
        </p:spPr>
        <p:txBody>
          <a:bodyPr>
            <a:noAutofit/>
          </a:bodyPr>
          <a:lstStyle>
            <a:lvl1pPr marL="0" indent="0" algn="ctr">
              <a:buNone/>
              <a:defRPr sz="18000" spc="-15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410962C8-DE63-43D8-8942-0B0108C26B1A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570956" y="4416489"/>
            <a:ext cx="7050087" cy="1531937"/>
          </a:xfrm>
        </p:spPr>
        <p:txBody>
          <a:bodyPr>
            <a:normAutofit/>
          </a:bodyPr>
          <a:lstStyle>
            <a:lvl1pPr marL="0" indent="0" algn="ctr">
              <a:buNone/>
              <a:defRPr sz="4000" b="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13" name="Picture 12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2D6D991B-5BB1-4C8D-8A99-46E6234F7EF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63E06A6A-500D-4A81-A3A7-C636B9A8F49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53815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sto_vaalean_sininen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6AD99560-B70C-4CB4-8E0D-135C4B4F0D2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2F4CE26A-6975-4088-8C1C-2779DB91995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570956" y="1967371"/>
            <a:ext cx="7050087" cy="2291431"/>
          </a:xfrm>
        </p:spPr>
        <p:txBody>
          <a:bodyPr>
            <a:noAutofit/>
          </a:bodyPr>
          <a:lstStyle>
            <a:lvl1pPr marL="0" indent="0" algn="ctr">
              <a:buNone/>
              <a:defRPr sz="18000" spc="-15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Text Placeholder 9">
            <a:extLst>
              <a:ext uri="{FF2B5EF4-FFF2-40B4-BE49-F238E27FC236}">
                <a16:creationId xmlns:a16="http://schemas.microsoft.com/office/drawing/2014/main" id="{A4292A37-662E-4DBC-A495-79057914CC1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570956" y="4416489"/>
            <a:ext cx="7050087" cy="1531937"/>
          </a:xfrm>
        </p:spPr>
        <p:txBody>
          <a:bodyPr>
            <a:normAutofit/>
          </a:bodyPr>
          <a:lstStyle>
            <a:lvl1pPr marL="0" indent="0" algn="ctr">
              <a:buNone/>
              <a:defRPr sz="4000" b="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10" name="Picture 9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FAF58029-5C3F-4E73-9857-1AC430FAE03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8472B7A3-2663-4A44-A26A-8324E29C4C9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58560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inaus_tumma_fuksi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B3812B7F-03F8-47AC-A428-BF026456F918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2B7FEA2D-6A52-47ED-8DFD-956DBBF7B7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582737" y="3069240"/>
            <a:ext cx="9026525" cy="2264569"/>
          </a:xfrm>
        </p:spPr>
        <p:txBody>
          <a:bodyPr anchor="t">
            <a:normAutofit/>
          </a:bodyPr>
          <a:lstStyle>
            <a:lvl1pPr algn="ctr"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3" name="Graphic 2" descr="Closed quotation mark">
            <a:extLst>
              <a:ext uri="{FF2B5EF4-FFF2-40B4-BE49-F238E27FC236}">
                <a16:creationId xmlns:a16="http://schemas.microsoft.com/office/drawing/2014/main" id="{CFBDBB6F-3A4D-4629-93D3-14502AE8EC4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33375" y="225439"/>
            <a:ext cx="4206846" cy="4206846"/>
          </a:xfrm>
          <a:prstGeom prst="rect">
            <a:avLst/>
          </a:prstGeom>
        </p:spPr>
      </p:pic>
      <p:pic>
        <p:nvPicPr>
          <p:cNvPr id="12" name="Graphic 11" descr="Closed quotation mark">
            <a:extLst>
              <a:ext uri="{FF2B5EF4-FFF2-40B4-BE49-F238E27FC236}">
                <a16:creationId xmlns:a16="http://schemas.microsoft.com/office/drawing/2014/main" id="{FDCD013D-750B-40EC-B3FD-30866C557B3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rot="10800000">
            <a:off x="7877175" y="3230386"/>
            <a:ext cx="4206846" cy="4206846"/>
          </a:xfrm>
          <a:prstGeom prst="rect">
            <a:avLst/>
          </a:prstGeom>
        </p:spPr>
      </p:pic>
      <p:pic>
        <p:nvPicPr>
          <p:cNvPr id="8" name="Picture 7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2948B9A5-346C-4658-B145-33839B120553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2C84AE66-04F3-4FC4-827B-3D825FC2FB4B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242886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inaus_vaalea_fuksi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163B5C1A-13B1-4DF6-9D59-D74F0DD9A7C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60D7ED0F-9041-499A-921C-AEFDAC4F82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582737" y="3069240"/>
            <a:ext cx="9026525" cy="2264569"/>
          </a:xfrm>
        </p:spPr>
        <p:txBody>
          <a:bodyPr anchor="t">
            <a:normAutofit/>
          </a:bodyPr>
          <a:lstStyle>
            <a:lvl1pPr algn="ctr"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8" name="Graphic 7" descr="Closed quotation mark">
            <a:extLst>
              <a:ext uri="{FF2B5EF4-FFF2-40B4-BE49-F238E27FC236}">
                <a16:creationId xmlns:a16="http://schemas.microsoft.com/office/drawing/2014/main" id="{2DF3ECAD-51F9-426B-BA2A-A31D15606BC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33375" y="225439"/>
            <a:ext cx="4206846" cy="4206846"/>
          </a:xfrm>
          <a:prstGeom prst="rect">
            <a:avLst/>
          </a:prstGeom>
        </p:spPr>
      </p:pic>
      <p:pic>
        <p:nvPicPr>
          <p:cNvPr id="9" name="Graphic 8" descr="Closed quotation mark">
            <a:extLst>
              <a:ext uri="{FF2B5EF4-FFF2-40B4-BE49-F238E27FC236}">
                <a16:creationId xmlns:a16="http://schemas.microsoft.com/office/drawing/2014/main" id="{054D988B-BD2E-4868-BD0C-02864267099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rot="10800000">
            <a:off x="7877175" y="3230386"/>
            <a:ext cx="4206846" cy="4206846"/>
          </a:xfrm>
          <a:prstGeom prst="rect">
            <a:avLst/>
          </a:prstGeom>
        </p:spPr>
      </p:pic>
      <p:pic>
        <p:nvPicPr>
          <p:cNvPr id="10" name="Picture 9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3E6C6386-945C-47E0-A075-7592821D6103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4BB7FA65-2EFB-4FAE-93DF-18B27B9B5D2B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93802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tumman_vihre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5" name="Picture 4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822A6C1A-8158-4EA3-ACD3-C75B761DA41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0902" y="2000187"/>
            <a:ext cx="3645475" cy="3089974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B2240283-3B0C-4D0D-BE44-5667AE81A58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00335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inaus_tumman_vihreä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AA28C2B3-EED9-4BDF-AC6A-C2BFC1453DA8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D605A358-014F-48BC-99D7-1F4227F7FE4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582737" y="3069240"/>
            <a:ext cx="9026525" cy="2264569"/>
          </a:xfrm>
        </p:spPr>
        <p:txBody>
          <a:bodyPr anchor="t">
            <a:normAutofit/>
          </a:bodyPr>
          <a:lstStyle>
            <a:lvl1pPr algn="ctr"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8" name="Graphic 7" descr="Closed quotation mark">
            <a:extLst>
              <a:ext uri="{FF2B5EF4-FFF2-40B4-BE49-F238E27FC236}">
                <a16:creationId xmlns:a16="http://schemas.microsoft.com/office/drawing/2014/main" id="{A0E55188-C435-4ADB-89AF-C484D0CC348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33375" y="225439"/>
            <a:ext cx="4206846" cy="4206846"/>
          </a:xfrm>
          <a:prstGeom prst="rect">
            <a:avLst/>
          </a:prstGeom>
        </p:spPr>
      </p:pic>
      <p:pic>
        <p:nvPicPr>
          <p:cNvPr id="9" name="Graphic 8" descr="Closed quotation mark">
            <a:extLst>
              <a:ext uri="{FF2B5EF4-FFF2-40B4-BE49-F238E27FC236}">
                <a16:creationId xmlns:a16="http://schemas.microsoft.com/office/drawing/2014/main" id="{5CC0672F-9201-45FA-9419-DF8790A0BC2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rot="10800000">
            <a:off x="7877175" y="3230386"/>
            <a:ext cx="4206846" cy="4206846"/>
          </a:xfrm>
          <a:prstGeom prst="rect">
            <a:avLst/>
          </a:prstGeom>
        </p:spPr>
      </p:pic>
      <p:pic>
        <p:nvPicPr>
          <p:cNvPr id="10" name="Picture 9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FE4D2E0D-6F0C-4473-9A14-F0C36B7C2D23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CF8D27C9-8603-41B8-86B2-143B00789D69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10119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inaus_vaalean_vihreä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B4D3C9BD-E553-4532-8F1B-692757DFFA32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2B7FEA2D-6A52-47ED-8DFD-956DBBF7B7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582737" y="3069240"/>
            <a:ext cx="9026525" cy="2264569"/>
          </a:xfrm>
        </p:spPr>
        <p:txBody>
          <a:bodyPr anchor="t">
            <a:normAutofit/>
          </a:bodyPr>
          <a:lstStyle>
            <a:lvl1pPr algn="ctr"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3" name="Graphic 2" descr="Closed quotation mark">
            <a:extLst>
              <a:ext uri="{FF2B5EF4-FFF2-40B4-BE49-F238E27FC236}">
                <a16:creationId xmlns:a16="http://schemas.microsoft.com/office/drawing/2014/main" id="{CFBDBB6F-3A4D-4629-93D3-14502AE8EC4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33375" y="225439"/>
            <a:ext cx="4206846" cy="4206846"/>
          </a:xfrm>
          <a:prstGeom prst="rect">
            <a:avLst/>
          </a:prstGeom>
        </p:spPr>
      </p:pic>
      <p:pic>
        <p:nvPicPr>
          <p:cNvPr id="12" name="Graphic 11" descr="Closed quotation mark">
            <a:extLst>
              <a:ext uri="{FF2B5EF4-FFF2-40B4-BE49-F238E27FC236}">
                <a16:creationId xmlns:a16="http://schemas.microsoft.com/office/drawing/2014/main" id="{FDCD013D-750B-40EC-B3FD-30866C557B3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rot="10800000">
            <a:off x="7877175" y="3230386"/>
            <a:ext cx="4206846" cy="4206846"/>
          </a:xfrm>
          <a:prstGeom prst="rect">
            <a:avLst/>
          </a:prstGeom>
        </p:spPr>
      </p:pic>
      <p:pic>
        <p:nvPicPr>
          <p:cNvPr id="6" name="Picture 5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F5C3D7A0-CEE8-4810-AC66-8EEF47827F7C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00A7BB2D-8403-4821-A23A-A7F9980B163B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436212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inaus_tumman_sininen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32F164F4-88DD-4DB6-A969-CF67CBF9190F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60D7ED0F-9041-499A-921C-AEFDAC4F82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582737" y="3069240"/>
            <a:ext cx="9026525" cy="2264569"/>
          </a:xfrm>
        </p:spPr>
        <p:txBody>
          <a:bodyPr anchor="t">
            <a:normAutofit/>
          </a:bodyPr>
          <a:lstStyle>
            <a:lvl1pPr algn="ctr"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8" name="Graphic 7" descr="Closed quotation mark">
            <a:extLst>
              <a:ext uri="{FF2B5EF4-FFF2-40B4-BE49-F238E27FC236}">
                <a16:creationId xmlns:a16="http://schemas.microsoft.com/office/drawing/2014/main" id="{2DF3ECAD-51F9-426B-BA2A-A31D15606BC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33375" y="225439"/>
            <a:ext cx="4206846" cy="4206846"/>
          </a:xfrm>
          <a:prstGeom prst="rect">
            <a:avLst/>
          </a:prstGeom>
        </p:spPr>
      </p:pic>
      <p:pic>
        <p:nvPicPr>
          <p:cNvPr id="9" name="Graphic 8" descr="Closed quotation mark">
            <a:extLst>
              <a:ext uri="{FF2B5EF4-FFF2-40B4-BE49-F238E27FC236}">
                <a16:creationId xmlns:a16="http://schemas.microsoft.com/office/drawing/2014/main" id="{054D988B-BD2E-4868-BD0C-02864267099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rot="10800000">
            <a:off x="7877175" y="3230386"/>
            <a:ext cx="4206846" cy="4206846"/>
          </a:xfrm>
          <a:prstGeom prst="rect">
            <a:avLst/>
          </a:prstGeom>
        </p:spPr>
      </p:pic>
      <p:pic>
        <p:nvPicPr>
          <p:cNvPr id="6" name="Picture 5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9BD1C4AC-F731-4E7C-B6EF-52E5B96F5D81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2EB6F2C5-68ED-495F-AA1D-095F742BE87D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910634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inaus_vaalean_sininen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1ACB5D14-0A9E-4CB4-A060-CF81F97CF1E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D605A358-014F-48BC-99D7-1F4227F7FE4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582737" y="3069240"/>
            <a:ext cx="9026525" cy="2264569"/>
          </a:xfrm>
        </p:spPr>
        <p:txBody>
          <a:bodyPr anchor="t">
            <a:normAutofit/>
          </a:bodyPr>
          <a:lstStyle>
            <a:lvl1pPr algn="ctr"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8" name="Graphic 7" descr="Closed quotation mark">
            <a:extLst>
              <a:ext uri="{FF2B5EF4-FFF2-40B4-BE49-F238E27FC236}">
                <a16:creationId xmlns:a16="http://schemas.microsoft.com/office/drawing/2014/main" id="{A0E55188-C435-4ADB-89AF-C484D0CC348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33375" y="225439"/>
            <a:ext cx="4206846" cy="4206846"/>
          </a:xfrm>
          <a:prstGeom prst="rect">
            <a:avLst/>
          </a:prstGeom>
        </p:spPr>
      </p:pic>
      <p:pic>
        <p:nvPicPr>
          <p:cNvPr id="9" name="Graphic 8" descr="Closed quotation mark">
            <a:extLst>
              <a:ext uri="{FF2B5EF4-FFF2-40B4-BE49-F238E27FC236}">
                <a16:creationId xmlns:a16="http://schemas.microsoft.com/office/drawing/2014/main" id="{5CC0672F-9201-45FA-9419-DF8790A0BC2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rot="10800000">
            <a:off x="7877175" y="3230386"/>
            <a:ext cx="4206846" cy="4206846"/>
          </a:xfrm>
          <a:prstGeom prst="rect">
            <a:avLst/>
          </a:prstGeom>
        </p:spPr>
      </p:pic>
      <p:pic>
        <p:nvPicPr>
          <p:cNvPr id="6" name="Picture 5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6C7CBFF0-AFA3-42D3-93F0-41E668754ABA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78D0B143-9B6A-4DE3-8C57-E3A879D06BCC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26849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salto_pals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143383C-D902-4359-B134-36B4C4F73CF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8156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8B999F5-4813-427F-A4E4-5335441DBDA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160494"/>
            <a:ext cx="3932237" cy="370849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000F1A4-B81E-45E1-9606-07525FFE27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CF242D-0D1B-4DBD-B72B-537786893A77}" type="datetime1">
              <a:rPr lang="fi-FI" smtClean="0"/>
              <a:t>8.3.2022</a:t>
            </a:fld>
            <a:endParaRPr lang="fi-FI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840F95E-9FAF-473A-8740-38C0D6F7556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D4EB64A9-0753-493D-931D-D429FE2A22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987425"/>
            <a:ext cx="3932237" cy="965199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27897217-BD8C-4F57-9294-7DC932179A6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2475001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uoli_sivua_kuva_valkoin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2">
            <a:extLst>
              <a:ext uri="{FF2B5EF4-FFF2-40B4-BE49-F238E27FC236}">
                <a16:creationId xmlns:a16="http://schemas.microsoft.com/office/drawing/2014/main" id="{0E54EFB4-12B2-4DFE-9F2E-3D2DD7CA7A1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7288306" y="0"/>
            <a:ext cx="4903694" cy="68580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i-FI"/>
          </a:p>
        </p:txBody>
      </p:sp>
      <p:sp>
        <p:nvSpPr>
          <p:cNvPr id="6" name="Text Placeholder 3">
            <a:extLst>
              <a:ext uri="{FF2B5EF4-FFF2-40B4-BE49-F238E27FC236}">
                <a16:creationId xmlns:a16="http://schemas.microsoft.com/office/drawing/2014/main" id="{996869CB-89D0-4DA9-89A5-3150AD97AD9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160494"/>
            <a:ext cx="6036141" cy="370849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309055EB-5B06-42A3-A3F7-9558E538E1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987425"/>
            <a:ext cx="6036141" cy="965199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11" name="Picture 10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93E22456-AB22-4CB4-9C0E-E7E2302CA3D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495834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uoli_sivua_kuva_tumma_fuks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754224DE-DE84-4CDB-804C-D62F8DBAD4A4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12" name="Picture Placeholder 2">
            <a:extLst>
              <a:ext uri="{FF2B5EF4-FFF2-40B4-BE49-F238E27FC236}">
                <a16:creationId xmlns:a16="http://schemas.microsoft.com/office/drawing/2014/main" id="{636513FB-22B8-45CF-AEF7-A64E2EBADB8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7288306" y="0"/>
            <a:ext cx="4903694" cy="68580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fi-FI"/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689C3558-BCB4-4A57-AFB2-95ED2FE2816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160494"/>
            <a:ext cx="6036141" cy="3708494"/>
          </a:xfrm>
        </p:spPr>
        <p:txBody>
          <a:bodyPr/>
          <a:lstStyle>
            <a:lvl1pPr marL="0" indent="0">
              <a:buNone/>
              <a:defRPr sz="16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1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2pPr>
            <a:lvl3pPr marL="914400" indent="0">
              <a:buNone/>
              <a:defRPr sz="12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3pPr>
            <a:lvl4pPr marL="13716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4pPr>
            <a:lvl5pPr marL="18288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E68424A2-D2D4-4E4F-9B59-69E589A8D3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987425"/>
            <a:ext cx="6036141" cy="965199"/>
          </a:xfrm>
        </p:spPr>
        <p:txBody>
          <a:bodyPr anchor="b"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15" name="Picture 14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3FEABE71-E81F-4523-B5C3-B7A2E66D3CB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DC418F9D-13A3-4626-9E3D-49D09D588BFC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967198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uoli_sivua_kuva_vaalea_fuks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AD6E9C94-F91C-4351-80A3-EF626BB6D9F3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5C731633-EDC4-4E10-A99C-BCF4E3D47F0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7288306" y="0"/>
            <a:ext cx="4903694" cy="68580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fi-FI"/>
          </a:p>
        </p:txBody>
      </p: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74383859-0CAC-4E51-BE74-57E16ABFBCD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160494"/>
            <a:ext cx="6036141" cy="3708494"/>
          </a:xfrm>
        </p:spPr>
        <p:txBody>
          <a:bodyPr/>
          <a:lstStyle>
            <a:lvl1pPr marL="0" indent="0">
              <a:buNone/>
              <a:defRPr sz="16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1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2pPr>
            <a:lvl3pPr marL="914400" indent="0">
              <a:buNone/>
              <a:defRPr sz="12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3pPr>
            <a:lvl4pPr marL="13716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4pPr>
            <a:lvl5pPr marL="18288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8A68DA7D-4465-4F6E-8E5C-4866B5E828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987425"/>
            <a:ext cx="6036141" cy="965199"/>
          </a:xfrm>
        </p:spPr>
        <p:txBody>
          <a:bodyPr anchor="b"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17" name="Picture 16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97076935-D697-414D-AD85-CDF94E89038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53C36CB3-C464-4EE8-A100-EA1F3F701A5F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7568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uoli_sivua_kuva_tumman_vihre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44D596EB-6C87-4E77-A282-E8F4AC510AA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16" name="Picture Placeholder 2">
            <a:extLst>
              <a:ext uri="{FF2B5EF4-FFF2-40B4-BE49-F238E27FC236}">
                <a16:creationId xmlns:a16="http://schemas.microsoft.com/office/drawing/2014/main" id="{79554269-A758-425E-A7A9-3297720BD12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7288306" y="0"/>
            <a:ext cx="4903694" cy="68580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fi-FI"/>
          </a:p>
        </p:txBody>
      </p:sp>
      <p:sp>
        <p:nvSpPr>
          <p:cNvPr id="17" name="Text Placeholder 3">
            <a:extLst>
              <a:ext uri="{FF2B5EF4-FFF2-40B4-BE49-F238E27FC236}">
                <a16:creationId xmlns:a16="http://schemas.microsoft.com/office/drawing/2014/main" id="{2DA1327E-385A-450D-B8CB-02C8C36636A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160494"/>
            <a:ext cx="6036141" cy="3708494"/>
          </a:xfrm>
        </p:spPr>
        <p:txBody>
          <a:bodyPr/>
          <a:lstStyle>
            <a:lvl1pPr marL="0" indent="0">
              <a:buNone/>
              <a:defRPr sz="16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1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2pPr>
            <a:lvl3pPr marL="914400" indent="0">
              <a:buNone/>
              <a:defRPr sz="12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3pPr>
            <a:lvl4pPr marL="13716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4pPr>
            <a:lvl5pPr marL="18288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104CD8A6-3E7E-41DC-8B95-CADBC6BE8E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987425"/>
            <a:ext cx="6036141" cy="965199"/>
          </a:xfrm>
        </p:spPr>
        <p:txBody>
          <a:bodyPr anchor="b"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19" name="Picture 18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969AA01B-7F14-434E-9FCE-1A5429402C1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1A42D9FD-2B12-421C-90EC-2996F4D4957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141156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uoli_sivua_kuva_vaalean_vihre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6E3197DA-176C-4FE5-917B-D17DC70B7543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A7A8F4DB-F8D7-4D33-9C7B-C531A059907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7288306" y="0"/>
            <a:ext cx="4903694" cy="68580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fi-FI"/>
          </a:p>
        </p:txBody>
      </p: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30538F70-F123-419A-9310-66299939375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160494"/>
            <a:ext cx="6036141" cy="3708494"/>
          </a:xfrm>
        </p:spPr>
        <p:txBody>
          <a:bodyPr/>
          <a:lstStyle>
            <a:lvl1pPr marL="0" indent="0">
              <a:buNone/>
              <a:defRPr sz="16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1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2pPr>
            <a:lvl3pPr marL="914400" indent="0">
              <a:buNone/>
              <a:defRPr sz="12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3pPr>
            <a:lvl4pPr marL="13716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4pPr>
            <a:lvl5pPr marL="18288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A0D085CB-FF03-477D-99B3-E2B4ACDB91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987425"/>
            <a:ext cx="6036141" cy="965199"/>
          </a:xfrm>
        </p:spPr>
        <p:txBody>
          <a:bodyPr anchor="b"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17" name="Picture 16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32B46A89-505B-4C00-9603-774EE16B94E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20C9463F-722D-4A14-A275-2C0DE27D3CDD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23432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vaalean_vihre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5" name="Picture 4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822A6C1A-8158-4EA3-ACD3-C75B761DA41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0902" y="2000187"/>
            <a:ext cx="3645475" cy="3089974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2646688D-317B-46E6-8381-0BFD0E9AEEFF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222586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uoli_sivua_kuva_tumman_sinin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Graphic 6" descr="Deciduous tree">
            <a:extLst>
              <a:ext uri="{FF2B5EF4-FFF2-40B4-BE49-F238E27FC236}">
                <a16:creationId xmlns:a16="http://schemas.microsoft.com/office/drawing/2014/main" id="{A93C0E96-BAF3-4CE6-893E-BBBF4EBBF80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585642" y="2665254"/>
            <a:ext cx="4720908" cy="4720908"/>
          </a:xfrm>
          <a:prstGeom prst="rect">
            <a:avLst/>
          </a:prstGeom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70E12F5B-6168-40D0-A95F-7BDBB48756DD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16" name="Picture Placeholder 2">
            <a:extLst>
              <a:ext uri="{FF2B5EF4-FFF2-40B4-BE49-F238E27FC236}">
                <a16:creationId xmlns:a16="http://schemas.microsoft.com/office/drawing/2014/main" id="{9CACB86E-ED50-48E8-88C1-FFE2056D2CE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7288306" y="0"/>
            <a:ext cx="4903694" cy="68580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fi-FI"/>
          </a:p>
        </p:txBody>
      </p:sp>
      <p:sp>
        <p:nvSpPr>
          <p:cNvPr id="17" name="Text Placeholder 3">
            <a:extLst>
              <a:ext uri="{FF2B5EF4-FFF2-40B4-BE49-F238E27FC236}">
                <a16:creationId xmlns:a16="http://schemas.microsoft.com/office/drawing/2014/main" id="{120CEAFD-8292-45D3-B6A0-B7E44502677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160494"/>
            <a:ext cx="6036141" cy="3708494"/>
          </a:xfrm>
        </p:spPr>
        <p:txBody>
          <a:bodyPr/>
          <a:lstStyle>
            <a:lvl1pPr marL="0" indent="0">
              <a:buNone/>
              <a:defRPr sz="16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1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2pPr>
            <a:lvl3pPr marL="914400" indent="0">
              <a:buNone/>
              <a:defRPr sz="12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3pPr>
            <a:lvl4pPr marL="13716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4pPr>
            <a:lvl5pPr marL="18288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F2DDBF5D-668F-4A0C-B7A0-CADB0FE8819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987425"/>
            <a:ext cx="6036141" cy="965199"/>
          </a:xfrm>
        </p:spPr>
        <p:txBody>
          <a:bodyPr anchor="b"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19" name="Picture 18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8F3EC7DD-D9F8-4C93-8A6B-1B071ABDC332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C7BA4C3A-646D-4F4B-9ECB-183D2126A02F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132694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uoli_sivua_kuva_vaalean_sinin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AC4A104B-18AA-4D32-99D1-997AD7245062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5F519A0-39B0-4EC5-A2A2-3EA77121432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7288306" y="0"/>
            <a:ext cx="4903694" cy="68580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fi-FI"/>
          </a:p>
        </p:txBody>
      </p: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0D42A1AF-7F9C-4CF2-BBFC-B82C6AD759B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160494"/>
            <a:ext cx="6036141" cy="3708494"/>
          </a:xfrm>
        </p:spPr>
        <p:txBody>
          <a:bodyPr/>
          <a:lstStyle>
            <a:lvl1pPr marL="0" indent="0">
              <a:buNone/>
              <a:defRPr sz="16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>
              <a:buNone/>
              <a:defRPr sz="1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2pPr>
            <a:lvl3pPr marL="914400" indent="0">
              <a:buNone/>
              <a:defRPr sz="12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3pPr>
            <a:lvl4pPr marL="13716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4pPr>
            <a:lvl5pPr marL="1828800" indent="0">
              <a:buNone/>
              <a:defRPr sz="10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5E104650-C3CA-4705-9048-D79637A331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987425"/>
            <a:ext cx="6036141" cy="965199"/>
          </a:xfrm>
        </p:spPr>
        <p:txBody>
          <a:bodyPr anchor="b"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pic>
        <p:nvPicPr>
          <p:cNvPr id="17" name="Picture 16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8A0A90A8-9FE0-4C37-82BD-085ACB37DFB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1540" y="428117"/>
            <a:ext cx="835122" cy="70786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E40EE8DD-F6DC-42C1-837C-34C80E11601D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811665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Vaak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C746F1-38DD-4FD1-8721-CA848852FCF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B6F0F28-7AEF-4281-9330-AB1ACB57916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6830CEB-310C-4C23-BD33-AD1ABF5D42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46A86-748F-47CC-8B32-E4CAEC271095}" type="datetime1">
              <a:rPr lang="fi-FI" smtClean="0"/>
              <a:t>8.3.2022</a:t>
            </a:fld>
            <a:endParaRPr lang="fi-FI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8DFE85-AC06-48FB-92D6-25F3F0EA7D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3C718087-0904-42CB-BF7F-BF506ABCAA2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16224500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aaka_ja_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EC0FA221-AA95-4298-AD12-8A88E18CD9B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1033271"/>
            <a:ext cx="2628900" cy="5143691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49273D4-E8DF-45BF-9698-44476027888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1033271"/>
            <a:ext cx="7734300" cy="5143692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E20074-A776-4019-A129-04037FC893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7CCDDC9-D886-4856-8058-B2CB225E48F6}" type="datetime1">
              <a:rPr lang="fi-FI" smtClean="0"/>
              <a:t>8.3.2022</a:t>
            </a:fld>
            <a:endParaRPr lang="fi-FI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6F14635-FF9B-4224-842E-C960380FAF5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3FF30BED-DFC0-40F3-8884-6966E14F2B7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9311008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ustakuva ja 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306564A9-750F-4F97-8BA8-0B1868194ED1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838200" y="2766058"/>
            <a:ext cx="10515600" cy="1325887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709186684"/>
      </p:ext>
    </p:extLst>
  </p:cSld>
  <p:clrMapOvr>
    <a:masterClrMapping/>
  </p:clrMapOvr>
  <p:transition spd="slow">
    <p:push dir="u"/>
  </p:transition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kuva ja 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59309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E0CF90C5-412A-4C84-A6C6-D9D1C4A969A9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6452939" y="2033191"/>
            <a:ext cx="5332663" cy="2757312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275219940"/>
      </p:ext>
    </p:extLst>
  </p:cSld>
  <p:clrMapOvr>
    <a:masterClrMapping/>
  </p:clrMapOvr>
  <p:transition spd="slow">
    <p:push dir="u"/>
  </p:transition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va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59309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6562002" y="751023"/>
            <a:ext cx="5157259" cy="4403046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1pPr>
            <a:lvl2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2pPr>
            <a:lvl3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3pPr>
            <a:lvl4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4pPr>
            <a:lvl5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6F01423B-5556-4EFE-9952-1939357DBDDE}" type="datetime1">
              <a:rPr lang="fi-FI" smtClean="0"/>
              <a:t>8.3.2022</a:t>
            </a:fld>
            <a:endParaRPr lang="en-US"/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14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8691477"/>
      </p:ext>
    </p:extLst>
  </p:cSld>
  <p:clrMapOvr>
    <a:masterClrMapping/>
  </p:clrMapOvr>
  <p:transition spd="slow">
    <p:push dir="u"/>
  </p:transition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yöreä kuva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/>
          <p:cNvSpPr>
            <a:spLocks noGrp="1"/>
          </p:cNvSpPr>
          <p:nvPr>
            <p:ph type="pic" sz="quarter" idx="10"/>
          </p:nvPr>
        </p:nvSpPr>
        <p:spPr>
          <a:xfrm>
            <a:off x="-2288004" y="-481188"/>
            <a:ext cx="7668127" cy="7666943"/>
          </a:xfrm>
          <a:custGeom>
            <a:avLst/>
            <a:gdLst>
              <a:gd name="connsiteX0" fmla="*/ 5751095 w 11502190"/>
              <a:gd name="connsiteY0" fmla="*/ 0 h 11502190"/>
              <a:gd name="connsiteX1" fmla="*/ 11502190 w 11502190"/>
              <a:gd name="connsiteY1" fmla="*/ 5751095 h 11502190"/>
              <a:gd name="connsiteX2" fmla="*/ 5751095 w 11502190"/>
              <a:gd name="connsiteY2" fmla="*/ 11502190 h 11502190"/>
              <a:gd name="connsiteX3" fmla="*/ 0 w 11502190"/>
              <a:gd name="connsiteY3" fmla="*/ 5751095 h 11502190"/>
              <a:gd name="connsiteX4" fmla="*/ 5751095 w 11502190"/>
              <a:gd name="connsiteY4" fmla="*/ 0 h 1150219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502190" h="11502190">
                <a:moveTo>
                  <a:pt x="5751095" y="0"/>
                </a:moveTo>
                <a:cubicBezTo>
                  <a:pt x="8927337" y="0"/>
                  <a:pt x="11502190" y="2574853"/>
                  <a:pt x="11502190" y="5751095"/>
                </a:cubicBezTo>
                <a:cubicBezTo>
                  <a:pt x="11502190" y="8927337"/>
                  <a:pt x="8927337" y="11502190"/>
                  <a:pt x="5751095" y="11502190"/>
                </a:cubicBezTo>
                <a:cubicBezTo>
                  <a:pt x="2574853" y="11502190"/>
                  <a:pt x="0" y="8927337"/>
                  <a:pt x="0" y="5751095"/>
                </a:cubicBezTo>
                <a:cubicBezTo>
                  <a:pt x="0" y="2574853"/>
                  <a:pt x="2574853" y="0"/>
                  <a:pt x="5751095" y="0"/>
                </a:cubicBez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defRPr>
                <a:solidFill>
                  <a:srgbClr val="005A9B"/>
                </a:solidFill>
              </a:defRPr>
            </a:lvl1pPr>
          </a:lstStyle>
          <a:p>
            <a:endParaRPr lang="en-US"/>
          </a:p>
        </p:txBody>
      </p:sp>
      <p:sp>
        <p:nvSpPr>
          <p:cNvPr id="3" name="Content Placeholder 3"/>
          <p:cNvSpPr>
            <a:spLocks noGrp="1"/>
          </p:cNvSpPr>
          <p:nvPr>
            <p:ph sz="half" idx="2"/>
          </p:nvPr>
        </p:nvSpPr>
        <p:spPr>
          <a:xfrm>
            <a:off x="6016571" y="996965"/>
            <a:ext cx="5640693" cy="4338887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1pPr>
            <a:lvl2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2pPr>
            <a:lvl3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3pPr>
            <a:lvl4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4pPr>
            <a:lvl5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104264735"/>
      </p:ext>
    </p:extLst>
  </p:cSld>
  <p:clrMapOvr>
    <a:masterClrMapping/>
  </p:clrMapOvr>
  <p:transition spd="slow">
    <p:push dir="u"/>
  </p:transition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kuva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2"/>
          <p:cNvSpPr>
            <a:spLocks noGrp="1"/>
          </p:cNvSpPr>
          <p:nvPr>
            <p:ph type="pic" sz="quarter" idx="11"/>
          </p:nvPr>
        </p:nvSpPr>
        <p:spPr>
          <a:xfrm>
            <a:off x="775368" y="962380"/>
            <a:ext cx="3161632" cy="4211071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8" name="Picture Placeholder 2"/>
          <p:cNvSpPr>
            <a:spLocks noGrp="1"/>
          </p:cNvSpPr>
          <p:nvPr>
            <p:ph type="pic" sz="quarter" idx="12"/>
          </p:nvPr>
        </p:nvSpPr>
        <p:spPr>
          <a:xfrm>
            <a:off x="4515184" y="962380"/>
            <a:ext cx="3161632" cy="4211071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3"/>
          </p:nvPr>
        </p:nvSpPr>
        <p:spPr>
          <a:xfrm>
            <a:off x="8255000" y="962380"/>
            <a:ext cx="3161632" cy="4211071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FFF98CF7-CEB3-4B21-8AE9-F1B2EB9C2720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4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15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60612551"/>
      </p:ext>
    </p:extLst>
  </p:cSld>
  <p:clrMapOvr>
    <a:masterClrMapping/>
  </p:clrMapOvr>
  <p:transition spd="slow">
    <p:push dir="u"/>
  </p:transition>
  <p:extLst>
    <p:ext uri="{DCECCB84-F9BA-43D5-87BE-67443E8EF086}">
      <p15:sldGuideLst xmlns:p15="http://schemas.microsoft.com/office/powerpoint/2012/main">
        <p15:guide id="1" orient="horz" pos="3240">
          <p15:clr>
            <a:srgbClr val="FBAE40"/>
          </p15:clr>
        </p15:guide>
        <p15:guide id="2" pos="5760">
          <p15:clr>
            <a:srgbClr val="FBAE40"/>
          </p15:clr>
        </p15:guide>
      </p15:sldGuideLst>
    </p:ext>
  </p:extLst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Sisältö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070"/>
            <a:ext cx="10515600" cy="1325887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344"/>
            <a:ext cx="5207000" cy="3649517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  <a:lvl2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2pPr>
            <a:lvl3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3pPr>
            <a:lvl4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4pPr>
            <a:lvl5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46800" y="1825344"/>
            <a:ext cx="5207000" cy="3649517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  <a:lvl2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2pPr>
            <a:lvl3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3pPr>
            <a:lvl4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4pPr>
            <a:lvl5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8E43DE4F-08D0-4956-B2A5-1DE764BA2D6A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99390084"/>
      </p:ext>
    </p:extLst>
  </p:cSld>
  <p:clrMapOvr>
    <a:masterClrMapping/>
  </p:clrMapOvr>
  <p:transition spd="slow">
    <p:push dir="u"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tumman_sinin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5" name="Picture 4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822A6C1A-8158-4EA3-ACD3-C75B761DA41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0902" y="2000187"/>
            <a:ext cx="3645475" cy="3089974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12562931-1CE2-4D82-AD64-F416F6FD377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370888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752642" y="2182895"/>
            <a:ext cx="10515600" cy="1325887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8860153D-A692-48C2-8427-F6796894578C}" type="datetime1">
              <a:rPr lang="fi-FI" smtClean="0"/>
              <a:t>8.3.2022</a:t>
            </a:fld>
            <a:endParaRPr lang="en-US"/>
          </a:p>
        </p:txBody>
      </p:sp>
      <p:sp>
        <p:nvSpPr>
          <p:cNvPr id="8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9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4768930"/>
      </p:ext>
    </p:extLst>
  </p:cSld>
  <p:clrMapOvr>
    <a:masterClrMapping/>
  </p:clrMapOvr>
  <p:transition spd="slow">
    <p:push dir="u"/>
  </p:transition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yhj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8EE7A455-6F2B-4ABA-A4E1-962D267C64D4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7715070"/>
      </p:ext>
    </p:extLst>
  </p:cSld>
  <p:clrMapOvr>
    <a:masterClrMapping/>
  </p:clrMapOvr>
  <p:transition spd="slow">
    <p:push dir="u"/>
  </p:transition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sältö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48603" y="923116"/>
            <a:ext cx="10206009" cy="4444815"/>
          </a:xfrm>
          <a:prstGeom prst="rect">
            <a:avLst/>
          </a:prstGeom>
        </p:spPr>
        <p:txBody>
          <a:bodyPr/>
          <a:lstStyle>
            <a:lvl1pPr>
              <a:defRPr sz="2133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  <a:lvl2pPr>
              <a:defRPr sz="1866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2pPr>
            <a:lvl3pPr>
              <a:defRPr sz="1600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3pPr>
            <a:lvl4pPr>
              <a:defRPr sz="1333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4pPr>
            <a:lvl5pPr>
              <a:defRPr sz="1333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5pPr>
            <a:lvl6pPr>
              <a:defRPr sz="1333"/>
            </a:lvl6pPr>
            <a:lvl7pPr>
              <a:defRPr sz="1333"/>
            </a:lvl7pPr>
            <a:lvl8pPr>
              <a:defRPr sz="1333"/>
            </a:lvl8pPr>
            <a:lvl9pPr>
              <a:defRPr sz="1333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3B87FE8E-4615-451A-A870-FCC61B6D4B11}" type="datetime1">
              <a:rPr lang="fi-FI" smtClean="0"/>
              <a:t>8.3.2022</a:t>
            </a:fld>
            <a:endParaRPr lang="en-US"/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6770759"/>
      </p:ext>
    </p:extLst>
  </p:cSld>
  <p:clrMapOvr>
    <a:masterClrMapping/>
  </p:clrMapOvr>
  <p:transition spd="slow">
    <p:push dir="u"/>
  </p:transition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vataus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156FBE95-B400-4481-9311-5F835DB9F7A3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0163052"/>
      </p:ext>
    </p:extLst>
  </p:cSld>
  <p:clrMapOvr>
    <a:masterClrMapping/>
  </p:clrMapOvr>
  <p:transition spd="slow">
    <p:push dir="u"/>
  </p:transition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Kuva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6"/>
          <p:cNvSpPr/>
          <p:nvPr userDrawn="1"/>
        </p:nvSpPr>
        <p:spPr>
          <a:xfrm>
            <a:off x="0" y="0"/>
            <a:ext cx="5240421" cy="6858000"/>
          </a:xfrm>
          <a:prstGeom prst="rect">
            <a:avLst/>
          </a:prstGeom>
          <a:solidFill>
            <a:srgbClr val="005A9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5785853" y="866141"/>
            <a:ext cx="5933407" cy="4929512"/>
          </a:xfrm>
          <a:prstGeom prst="rect">
            <a:avLst/>
          </a:prstGeom>
        </p:spPr>
        <p:txBody>
          <a:bodyPr/>
          <a:lstStyle>
            <a:lvl1pPr>
              <a:defRPr sz="2133" b="0" i="0">
                <a:solidFill>
                  <a:schemeClr val="tx1"/>
                </a:solidFill>
                <a:latin typeface="Calibri Light" charset="0"/>
                <a:ea typeface="Calibri Light" charset="0"/>
                <a:cs typeface="Calibri Light" charset="0"/>
              </a:defRPr>
            </a:lvl1pPr>
            <a:lvl2pPr>
              <a:defRPr sz="1866" b="0" i="0">
                <a:solidFill>
                  <a:schemeClr val="tx1"/>
                </a:solidFill>
                <a:latin typeface="Calibri Light" charset="0"/>
                <a:ea typeface="Calibri Light" charset="0"/>
                <a:cs typeface="Calibri Light" charset="0"/>
              </a:defRPr>
            </a:lvl2pPr>
            <a:lvl3pPr>
              <a:defRPr sz="1600" b="0" i="0">
                <a:solidFill>
                  <a:schemeClr val="tx1"/>
                </a:solidFill>
                <a:latin typeface="Calibri Light" charset="0"/>
                <a:ea typeface="Calibri Light" charset="0"/>
                <a:cs typeface="Calibri Light" charset="0"/>
              </a:defRPr>
            </a:lvl3pPr>
            <a:lvl4pPr>
              <a:defRPr sz="1333" b="0" i="0">
                <a:solidFill>
                  <a:schemeClr val="tx1"/>
                </a:solidFill>
                <a:latin typeface="Calibri Light" charset="0"/>
                <a:ea typeface="Calibri Light" charset="0"/>
                <a:cs typeface="Calibri Light" charset="0"/>
              </a:defRPr>
            </a:lvl4pPr>
            <a:lvl5pPr>
              <a:defRPr sz="1333" b="0" i="0">
                <a:solidFill>
                  <a:schemeClr val="tx1"/>
                </a:solidFill>
                <a:latin typeface="Calibri Light" charset="0"/>
                <a:ea typeface="Calibri Light" charset="0"/>
                <a:cs typeface="Calibri Light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itle 1"/>
          <p:cNvSpPr>
            <a:spLocks noGrp="1"/>
          </p:cNvSpPr>
          <p:nvPr>
            <p:ph type="title" hasCustomPrompt="1"/>
          </p:nvPr>
        </p:nvSpPr>
        <p:spPr>
          <a:xfrm>
            <a:off x="401053" y="866141"/>
            <a:ext cx="4438316" cy="4587333"/>
          </a:xfrm>
          <a:prstGeom prst="rect">
            <a:avLst/>
          </a:prstGeom>
        </p:spPr>
        <p:txBody>
          <a:bodyPr/>
          <a:lstStyle>
            <a:lvl1pPr>
              <a:defRPr sz="3600" b="0" i="0">
                <a:solidFill>
                  <a:schemeClr val="bg1"/>
                </a:solidFill>
                <a:latin typeface="Calibri Normaali" charset="0"/>
                <a:ea typeface="Calibri Normaali" charset="0"/>
                <a:cs typeface="Calibri Normaali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9883273" y="6335041"/>
            <a:ext cx="447842" cy="305366"/>
          </a:xfrm>
          <a:prstGeom prst="rect">
            <a:avLst/>
          </a:prstGeom>
        </p:spPr>
        <p:txBody>
          <a:bodyPr/>
          <a:lstStyle>
            <a:lvl1pPr>
              <a:defRPr sz="1200" b="0" i="0">
                <a:solidFill>
                  <a:srgbClr val="005A9B"/>
                </a:solidFill>
                <a:latin typeface="Calibri Light" charset="0"/>
                <a:ea typeface="Calibri Light" charset="0"/>
                <a:cs typeface="Calibri Light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72058507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ustakuva ja 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D060F890-2C95-428D-A2F2-D9779C983F59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838200" y="2766058"/>
            <a:ext cx="10515600" cy="1325887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357991614"/>
      </p:ext>
    </p:extLst>
  </p:cSld>
  <p:clrMapOvr>
    <a:masterClrMapping/>
  </p:clrMapOvr>
  <p:transition spd="slow">
    <p:push dir="u"/>
  </p:transition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kuva ja 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59309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025A4AE6-C6AA-47B1-8CD5-4B4609C710A4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6452939" y="2033191"/>
            <a:ext cx="5332663" cy="2757312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843529220"/>
      </p:ext>
    </p:extLst>
  </p:cSld>
  <p:clrMapOvr>
    <a:masterClrMapping/>
  </p:clrMapOvr>
  <p:transition spd="slow">
    <p:push dir="u"/>
  </p:transition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va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59309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6562002" y="751023"/>
            <a:ext cx="5157259" cy="4403046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1pPr>
            <a:lvl2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2pPr>
            <a:lvl3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3pPr>
            <a:lvl4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4pPr>
            <a:lvl5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CC84FA8A-1325-4135-B1DB-857DD596D5BC}" type="datetime1">
              <a:rPr lang="fi-FI" smtClean="0"/>
              <a:t>8.3.2022</a:t>
            </a:fld>
            <a:endParaRPr lang="en-US"/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14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5850563"/>
      </p:ext>
    </p:extLst>
  </p:cSld>
  <p:clrMapOvr>
    <a:masterClrMapping/>
  </p:clrMapOvr>
  <p:transition spd="slow">
    <p:push dir="u"/>
  </p:transition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yöreä kuva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/>
          <p:cNvSpPr>
            <a:spLocks noGrp="1"/>
          </p:cNvSpPr>
          <p:nvPr>
            <p:ph type="pic" sz="quarter" idx="10"/>
          </p:nvPr>
        </p:nvSpPr>
        <p:spPr>
          <a:xfrm>
            <a:off x="-2288004" y="-481188"/>
            <a:ext cx="7668127" cy="7666943"/>
          </a:xfrm>
          <a:custGeom>
            <a:avLst/>
            <a:gdLst>
              <a:gd name="connsiteX0" fmla="*/ 5751095 w 11502190"/>
              <a:gd name="connsiteY0" fmla="*/ 0 h 11502190"/>
              <a:gd name="connsiteX1" fmla="*/ 11502190 w 11502190"/>
              <a:gd name="connsiteY1" fmla="*/ 5751095 h 11502190"/>
              <a:gd name="connsiteX2" fmla="*/ 5751095 w 11502190"/>
              <a:gd name="connsiteY2" fmla="*/ 11502190 h 11502190"/>
              <a:gd name="connsiteX3" fmla="*/ 0 w 11502190"/>
              <a:gd name="connsiteY3" fmla="*/ 5751095 h 11502190"/>
              <a:gd name="connsiteX4" fmla="*/ 5751095 w 11502190"/>
              <a:gd name="connsiteY4" fmla="*/ 0 h 1150219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502190" h="11502190">
                <a:moveTo>
                  <a:pt x="5751095" y="0"/>
                </a:moveTo>
                <a:cubicBezTo>
                  <a:pt x="8927337" y="0"/>
                  <a:pt x="11502190" y="2574853"/>
                  <a:pt x="11502190" y="5751095"/>
                </a:cubicBezTo>
                <a:cubicBezTo>
                  <a:pt x="11502190" y="8927337"/>
                  <a:pt x="8927337" y="11502190"/>
                  <a:pt x="5751095" y="11502190"/>
                </a:cubicBezTo>
                <a:cubicBezTo>
                  <a:pt x="2574853" y="11502190"/>
                  <a:pt x="0" y="8927337"/>
                  <a:pt x="0" y="5751095"/>
                </a:cubicBezTo>
                <a:cubicBezTo>
                  <a:pt x="0" y="2574853"/>
                  <a:pt x="2574853" y="0"/>
                  <a:pt x="5751095" y="0"/>
                </a:cubicBez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defRPr>
                <a:solidFill>
                  <a:srgbClr val="005A9B"/>
                </a:solidFill>
              </a:defRPr>
            </a:lvl1pPr>
          </a:lstStyle>
          <a:p>
            <a:endParaRPr lang="en-US"/>
          </a:p>
        </p:txBody>
      </p:sp>
      <p:sp>
        <p:nvSpPr>
          <p:cNvPr id="3" name="Content Placeholder 3"/>
          <p:cNvSpPr>
            <a:spLocks noGrp="1"/>
          </p:cNvSpPr>
          <p:nvPr>
            <p:ph sz="half" idx="2"/>
          </p:nvPr>
        </p:nvSpPr>
        <p:spPr>
          <a:xfrm>
            <a:off x="6016571" y="996965"/>
            <a:ext cx="5640693" cy="4338887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1pPr>
            <a:lvl2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2pPr>
            <a:lvl3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3pPr>
            <a:lvl4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4pPr>
            <a:lvl5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17110983"/>
      </p:ext>
    </p:extLst>
  </p:cSld>
  <p:clrMapOvr>
    <a:masterClrMapping/>
  </p:clrMapOvr>
  <p:transition spd="slow">
    <p:push dir="u"/>
  </p:transition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kuva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2"/>
          <p:cNvSpPr>
            <a:spLocks noGrp="1"/>
          </p:cNvSpPr>
          <p:nvPr>
            <p:ph type="pic" sz="quarter" idx="11"/>
          </p:nvPr>
        </p:nvSpPr>
        <p:spPr>
          <a:xfrm>
            <a:off x="775368" y="962380"/>
            <a:ext cx="3161632" cy="4211071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8" name="Picture Placeholder 2"/>
          <p:cNvSpPr>
            <a:spLocks noGrp="1"/>
          </p:cNvSpPr>
          <p:nvPr>
            <p:ph type="pic" sz="quarter" idx="12"/>
          </p:nvPr>
        </p:nvSpPr>
        <p:spPr>
          <a:xfrm>
            <a:off x="4515184" y="962380"/>
            <a:ext cx="3161632" cy="4211071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3"/>
          </p:nvPr>
        </p:nvSpPr>
        <p:spPr>
          <a:xfrm>
            <a:off x="8255000" y="962380"/>
            <a:ext cx="3161632" cy="4211071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B2F9CD28-08B7-4C9E-B75D-8F366717F2B6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4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15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9376978"/>
      </p:ext>
    </p:extLst>
  </p:cSld>
  <p:clrMapOvr>
    <a:masterClrMapping/>
  </p:clrMapOvr>
  <p:transition spd="slow">
    <p:push dir="u"/>
  </p:transition>
  <p:extLst>
    <p:ext uri="{DCECCB84-F9BA-43D5-87BE-67443E8EF086}">
      <p15:sldGuideLst xmlns:p15="http://schemas.microsoft.com/office/powerpoint/2012/main">
        <p15:guide id="1" orient="horz" pos="3240">
          <p15:clr>
            <a:srgbClr val="FBAE40"/>
          </p15:clr>
        </p15:guide>
        <p15:guide id="2" pos="5760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vaalean_sinin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5" name="Picture 4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822A6C1A-8158-4EA3-ACD3-C75B761DA41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0902" y="2000187"/>
            <a:ext cx="3645475" cy="3089974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774BE6B3-307D-41F0-B2A8-C4BA8B7F3916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618478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Sisältö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070"/>
            <a:ext cx="10515600" cy="1325887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344"/>
            <a:ext cx="5207000" cy="3649517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  <a:lvl2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2pPr>
            <a:lvl3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3pPr>
            <a:lvl4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4pPr>
            <a:lvl5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46800" y="1825344"/>
            <a:ext cx="5207000" cy="3649517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  <a:lvl2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2pPr>
            <a:lvl3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3pPr>
            <a:lvl4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4pPr>
            <a:lvl5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F00C14A1-C778-4977-B9A9-1E32FEA1745D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6614093"/>
      </p:ext>
    </p:extLst>
  </p:cSld>
  <p:clrMapOvr>
    <a:masterClrMapping/>
  </p:clrMapOvr>
  <p:transition spd="slow">
    <p:push dir="u"/>
  </p:transition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752642" y="2182895"/>
            <a:ext cx="10515600" cy="1325887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E518D3EB-E872-47B6-8F33-AE46CA1D5A19}" type="datetime1">
              <a:rPr lang="fi-FI" smtClean="0"/>
              <a:t>8.3.2022</a:t>
            </a:fld>
            <a:endParaRPr lang="en-US"/>
          </a:p>
        </p:txBody>
      </p:sp>
      <p:sp>
        <p:nvSpPr>
          <p:cNvPr id="8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9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5378089"/>
      </p:ext>
    </p:extLst>
  </p:cSld>
  <p:clrMapOvr>
    <a:masterClrMapping/>
  </p:clrMapOvr>
  <p:transition spd="slow">
    <p:push dir="u"/>
  </p:transition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yhj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CCBA1F7C-A032-4105-8358-B5B54F7C4488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25085836"/>
      </p:ext>
    </p:extLst>
  </p:cSld>
  <p:clrMapOvr>
    <a:masterClrMapping/>
  </p:clrMapOvr>
  <p:transition spd="slow">
    <p:push dir="u"/>
  </p:transition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sältö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48603" y="923116"/>
            <a:ext cx="10206009" cy="4444815"/>
          </a:xfrm>
          <a:prstGeom prst="rect">
            <a:avLst/>
          </a:prstGeom>
        </p:spPr>
        <p:txBody>
          <a:bodyPr/>
          <a:lstStyle>
            <a:lvl1pPr>
              <a:defRPr sz="2133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  <a:lvl2pPr>
              <a:defRPr sz="1866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2pPr>
            <a:lvl3pPr>
              <a:defRPr sz="1600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3pPr>
            <a:lvl4pPr>
              <a:defRPr sz="1333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4pPr>
            <a:lvl5pPr>
              <a:defRPr sz="1333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5pPr>
            <a:lvl6pPr>
              <a:defRPr sz="1333"/>
            </a:lvl6pPr>
            <a:lvl7pPr>
              <a:defRPr sz="1333"/>
            </a:lvl7pPr>
            <a:lvl8pPr>
              <a:defRPr sz="1333"/>
            </a:lvl8pPr>
            <a:lvl9pPr>
              <a:defRPr sz="1333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07B36E22-A2F3-41E8-B3A6-A08B920F4243}" type="datetime1">
              <a:rPr lang="fi-FI" smtClean="0"/>
              <a:t>8.3.2022</a:t>
            </a:fld>
            <a:endParaRPr lang="en-US"/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9367095"/>
      </p:ext>
    </p:extLst>
  </p:cSld>
  <p:clrMapOvr>
    <a:masterClrMapping/>
  </p:clrMapOvr>
  <p:transition spd="slow">
    <p:push dir="u"/>
  </p:transition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vataus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F050FED0-A539-4F61-97F4-28540A6FE429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3887546"/>
      </p:ext>
    </p:extLst>
  </p:cSld>
  <p:clrMapOvr>
    <a:masterClrMapping/>
  </p:clrMapOvr>
  <p:transition spd="slow">
    <p:push dir="u"/>
  </p:transition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Kuva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6"/>
          <p:cNvSpPr/>
          <p:nvPr userDrawn="1"/>
        </p:nvSpPr>
        <p:spPr>
          <a:xfrm>
            <a:off x="0" y="0"/>
            <a:ext cx="5240421" cy="6858000"/>
          </a:xfrm>
          <a:prstGeom prst="rect">
            <a:avLst/>
          </a:prstGeom>
          <a:solidFill>
            <a:srgbClr val="005A9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5785853" y="866141"/>
            <a:ext cx="5933407" cy="4929512"/>
          </a:xfrm>
          <a:prstGeom prst="rect">
            <a:avLst/>
          </a:prstGeom>
        </p:spPr>
        <p:txBody>
          <a:bodyPr/>
          <a:lstStyle>
            <a:lvl1pPr>
              <a:defRPr sz="2133" b="0" i="0">
                <a:solidFill>
                  <a:schemeClr val="tx1"/>
                </a:solidFill>
                <a:latin typeface="Calibri Light" charset="0"/>
                <a:ea typeface="Calibri Light" charset="0"/>
                <a:cs typeface="Calibri Light" charset="0"/>
              </a:defRPr>
            </a:lvl1pPr>
            <a:lvl2pPr>
              <a:defRPr sz="1866" b="0" i="0">
                <a:solidFill>
                  <a:schemeClr val="tx1"/>
                </a:solidFill>
                <a:latin typeface="Calibri Light" charset="0"/>
                <a:ea typeface="Calibri Light" charset="0"/>
                <a:cs typeface="Calibri Light" charset="0"/>
              </a:defRPr>
            </a:lvl2pPr>
            <a:lvl3pPr>
              <a:defRPr sz="1600" b="0" i="0">
                <a:solidFill>
                  <a:schemeClr val="tx1"/>
                </a:solidFill>
                <a:latin typeface="Calibri Light" charset="0"/>
                <a:ea typeface="Calibri Light" charset="0"/>
                <a:cs typeface="Calibri Light" charset="0"/>
              </a:defRPr>
            </a:lvl3pPr>
            <a:lvl4pPr>
              <a:defRPr sz="1333" b="0" i="0">
                <a:solidFill>
                  <a:schemeClr val="tx1"/>
                </a:solidFill>
                <a:latin typeface="Calibri Light" charset="0"/>
                <a:ea typeface="Calibri Light" charset="0"/>
                <a:cs typeface="Calibri Light" charset="0"/>
              </a:defRPr>
            </a:lvl4pPr>
            <a:lvl5pPr>
              <a:defRPr sz="1333" b="0" i="0">
                <a:solidFill>
                  <a:schemeClr val="tx1"/>
                </a:solidFill>
                <a:latin typeface="Calibri Light" charset="0"/>
                <a:ea typeface="Calibri Light" charset="0"/>
                <a:cs typeface="Calibri Light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itle 1"/>
          <p:cNvSpPr>
            <a:spLocks noGrp="1"/>
          </p:cNvSpPr>
          <p:nvPr>
            <p:ph type="title" hasCustomPrompt="1"/>
          </p:nvPr>
        </p:nvSpPr>
        <p:spPr>
          <a:xfrm>
            <a:off x="401053" y="866141"/>
            <a:ext cx="4438316" cy="4587333"/>
          </a:xfrm>
          <a:prstGeom prst="rect">
            <a:avLst/>
          </a:prstGeom>
        </p:spPr>
        <p:txBody>
          <a:bodyPr/>
          <a:lstStyle>
            <a:lvl1pPr>
              <a:defRPr sz="3600" b="0" i="0">
                <a:solidFill>
                  <a:schemeClr val="bg1"/>
                </a:solidFill>
                <a:latin typeface="Calibri Normaali" charset="0"/>
                <a:ea typeface="Calibri Normaali" charset="0"/>
                <a:cs typeface="Calibri Normaali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9883273" y="6335041"/>
            <a:ext cx="447842" cy="305366"/>
          </a:xfrm>
          <a:prstGeom prst="rect">
            <a:avLst/>
          </a:prstGeom>
        </p:spPr>
        <p:txBody>
          <a:bodyPr/>
          <a:lstStyle>
            <a:lvl1pPr>
              <a:defRPr sz="1200" b="0" i="0">
                <a:solidFill>
                  <a:srgbClr val="005A9B"/>
                </a:solidFill>
                <a:latin typeface="Calibri Light" charset="0"/>
                <a:ea typeface="Calibri Light" charset="0"/>
                <a:cs typeface="Calibri Light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96073277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ustakuva ja 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9E351A81-4310-4120-93FD-2EEC2F2EFF24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838200" y="2766058"/>
            <a:ext cx="10515600" cy="1325887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4054118403"/>
      </p:ext>
    </p:extLst>
  </p:cSld>
  <p:clrMapOvr>
    <a:masterClrMapping/>
  </p:clrMapOvr>
  <p:transition spd="slow">
    <p:push dir="u"/>
  </p:transition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kuva ja 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59309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938E9003-B070-4F27-8DA0-3E696E0BE259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6452939" y="2033191"/>
            <a:ext cx="5332663" cy="2757312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285055471"/>
      </p:ext>
    </p:extLst>
  </p:cSld>
  <p:clrMapOvr>
    <a:masterClrMapping/>
  </p:clrMapOvr>
  <p:transition spd="slow">
    <p:push dir="u"/>
  </p:transition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va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59309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6562002" y="751023"/>
            <a:ext cx="5157259" cy="4403046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1pPr>
            <a:lvl2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2pPr>
            <a:lvl3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3pPr>
            <a:lvl4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4pPr>
            <a:lvl5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7B6C53FD-E89B-40C1-AAE0-3512B8E1C13E}" type="datetime1">
              <a:rPr lang="fi-FI" smtClean="0"/>
              <a:t>8.3.2022</a:t>
            </a:fld>
            <a:endParaRPr lang="en-US"/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14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6094090"/>
      </p:ext>
    </p:extLst>
  </p:cSld>
  <p:clrMapOvr>
    <a:masterClrMapping/>
  </p:clrMapOvr>
  <p:transition spd="slow">
    <p:push dir="u"/>
  </p:transition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yöreä kuva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/>
          <p:cNvSpPr>
            <a:spLocks noGrp="1"/>
          </p:cNvSpPr>
          <p:nvPr>
            <p:ph type="pic" sz="quarter" idx="10"/>
          </p:nvPr>
        </p:nvSpPr>
        <p:spPr>
          <a:xfrm>
            <a:off x="-2288004" y="-481188"/>
            <a:ext cx="7668127" cy="7666943"/>
          </a:xfrm>
          <a:custGeom>
            <a:avLst/>
            <a:gdLst>
              <a:gd name="connsiteX0" fmla="*/ 5751095 w 11502190"/>
              <a:gd name="connsiteY0" fmla="*/ 0 h 11502190"/>
              <a:gd name="connsiteX1" fmla="*/ 11502190 w 11502190"/>
              <a:gd name="connsiteY1" fmla="*/ 5751095 h 11502190"/>
              <a:gd name="connsiteX2" fmla="*/ 5751095 w 11502190"/>
              <a:gd name="connsiteY2" fmla="*/ 11502190 h 11502190"/>
              <a:gd name="connsiteX3" fmla="*/ 0 w 11502190"/>
              <a:gd name="connsiteY3" fmla="*/ 5751095 h 11502190"/>
              <a:gd name="connsiteX4" fmla="*/ 5751095 w 11502190"/>
              <a:gd name="connsiteY4" fmla="*/ 0 h 1150219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502190" h="11502190">
                <a:moveTo>
                  <a:pt x="5751095" y="0"/>
                </a:moveTo>
                <a:cubicBezTo>
                  <a:pt x="8927337" y="0"/>
                  <a:pt x="11502190" y="2574853"/>
                  <a:pt x="11502190" y="5751095"/>
                </a:cubicBezTo>
                <a:cubicBezTo>
                  <a:pt x="11502190" y="8927337"/>
                  <a:pt x="8927337" y="11502190"/>
                  <a:pt x="5751095" y="11502190"/>
                </a:cubicBezTo>
                <a:cubicBezTo>
                  <a:pt x="2574853" y="11502190"/>
                  <a:pt x="0" y="8927337"/>
                  <a:pt x="0" y="5751095"/>
                </a:cubicBezTo>
                <a:cubicBezTo>
                  <a:pt x="0" y="2574853"/>
                  <a:pt x="2574853" y="0"/>
                  <a:pt x="5751095" y="0"/>
                </a:cubicBez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defRPr>
                <a:solidFill>
                  <a:srgbClr val="005A9B"/>
                </a:solidFill>
              </a:defRPr>
            </a:lvl1pPr>
          </a:lstStyle>
          <a:p>
            <a:endParaRPr lang="en-US"/>
          </a:p>
        </p:txBody>
      </p:sp>
      <p:sp>
        <p:nvSpPr>
          <p:cNvPr id="3" name="Content Placeholder 3"/>
          <p:cNvSpPr>
            <a:spLocks noGrp="1"/>
          </p:cNvSpPr>
          <p:nvPr>
            <p:ph sz="half" idx="2"/>
          </p:nvPr>
        </p:nvSpPr>
        <p:spPr>
          <a:xfrm>
            <a:off x="6016571" y="996965"/>
            <a:ext cx="5640693" cy="4338887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1pPr>
            <a:lvl2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2pPr>
            <a:lvl3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3pPr>
            <a:lvl4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4pPr>
            <a:lvl5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986402017"/>
      </p:ext>
    </p:extLst>
  </p:cSld>
  <p:clrMapOvr>
    <a:masterClrMapping/>
  </p:clrMapOvr>
  <p:transition spd="slow">
    <p:push dir="u"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loitusruutu_valkoinen_kuvi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3">
            <a:extLst>
              <a:ext uri="{FF2B5EF4-FFF2-40B4-BE49-F238E27FC236}">
                <a16:creationId xmlns:a16="http://schemas.microsoft.com/office/drawing/2014/main" id="{DC03B558-6B57-4598-B3E8-8733F4936DD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983495" y="6257748"/>
            <a:ext cx="1074804" cy="365125"/>
          </a:xfrm>
        </p:spPr>
        <p:txBody>
          <a:bodyPr/>
          <a:lstStyle/>
          <a:p>
            <a:fld id="{5552604A-B175-485B-A43B-71C444DF9965}" type="datetime1">
              <a:rPr lang="fi-FI" smtClean="0"/>
              <a:t>8.3.2022</a:t>
            </a:fld>
            <a:endParaRPr lang="fi-FI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0D928AD-5ED4-4BF6-839E-DB314089DA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75568" y="6257749"/>
            <a:ext cx="603473" cy="365125"/>
          </a:xfrm>
        </p:spPr>
        <p:txBody>
          <a:bodyPr/>
          <a:lstStyle/>
          <a:p>
            <a:fld id="{D5C7B8F6-2765-465B-BF52-D1DF320C1AE3}" type="slidenum">
              <a:rPr lang="fi-FI" smtClean="0"/>
              <a:t>‹#›</a:t>
            </a:fld>
            <a:endParaRPr lang="fi-FI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4890241-FB3C-4BAC-8DB3-B8C212506C3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40014D83-E6A2-42CD-93B8-2757E8E6A36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tx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16" name="Picture 15" descr="A picture containing building, clipart&#10;&#10;Description automatically generated">
            <a:extLst>
              <a:ext uri="{FF2B5EF4-FFF2-40B4-BE49-F238E27FC236}">
                <a16:creationId xmlns:a16="http://schemas.microsoft.com/office/drawing/2014/main" id="{6AB84055-9B6F-4667-A415-4141BF2F686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0902" y="2000187"/>
            <a:ext cx="3645475" cy="3089974"/>
          </a:xfrm>
          <a:prstGeom prst="rect">
            <a:avLst/>
          </a:prstGeom>
        </p:spPr>
      </p:pic>
      <p:pic>
        <p:nvPicPr>
          <p:cNvPr id="17" name="Picture 16" descr="A picture containing text&#10;&#10;Description automatically generated">
            <a:extLst>
              <a:ext uri="{FF2B5EF4-FFF2-40B4-BE49-F238E27FC236}">
                <a16:creationId xmlns:a16="http://schemas.microsoft.com/office/drawing/2014/main" id="{471F456E-EC89-42DF-8E0F-AF14097D32A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2994" y="1686720"/>
            <a:ext cx="3649916" cy="3474720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9B27861D-71CD-4784-A6DE-E6BC1DB56222}"/>
              </a:ext>
            </a:extLst>
          </p:cNvPr>
          <p:cNvSpPr/>
          <p:nvPr userDrawn="1"/>
        </p:nvSpPr>
        <p:spPr>
          <a:xfrm>
            <a:off x="9983495" y="0"/>
            <a:ext cx="2208505" cy="161544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1244C952-ACC9-4870-B87B-DE9F734AC30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3864491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kuva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2"/>
          <p:cNvSpPr>
            <a:spLocks noGrp="1"/>
          </p:cNvSpPr>
          <p:nvPr>
            <p:ph type="pic" sz="quarter" idx="11"/>
          </p:nvPr>
        </p:nvSpPr>
        <p:spPr>
          <a:xfrm>
            <a:off x="775368" y="962380"/>
            <a:ext cx="3161632" cy="4211071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8" name="Picture Placeholder 2"/>
          <p:cNvSpPr>
            <a:spLocks noGrp="1"/>
          </p:cNvSpPr>
          <p:nvPr>
            <p:ph type="pic" sz="quarter" idx="12"/>
          </p:nvPr>
        </p:nvSpPr>
        <p:spPr>
          <a:xfrm>
            <a:off x="4515184" y="962380"/>
            <a:ext cx="3161632" cy="4211071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3"/>
          </p:nvPr>
        </p:nvSpPr>
        <p:spPr>
          <a:xfrm>
            <a:off x="8255000" y="962380"/>
            <a:ext cx="3161632" cy="4211071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B0DFFC24-38C4-4A59-A2CF-5BB13E113AE7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4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15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5099591"/>
      </p:ext>
    </p:extLst>
  </p:cSld>
  <p:clrMapOvr>
    <a:masterClrMapping/>
  </p:clrMapOvr>
  <p:transition spd="slow">
    <p:push dir="u"/>
  </p:transition>
  <p:extLst>
    <p:ext uri="{DCECCB84-F9BA-43D5-87BE-67443E8EF086}">
      <p15:sldGuideLst xmlns:p15="http://schemas.microsoft.com/office/powerpoint/2012/main">
        <p15:guide id="1" orient="horz" pos="3240">
          <p15:clr>
            <a:srgbClr val="FBAE40"/>
          </p15:clr>
        </p15:guide>
        <p15:guide id="2" pos="5760">
          <p15:clr>
            <a:srgbClr val="FBAE40"/>
          </p15:clr>
        </p15:guide>
      </p15:sldGuideLst>
    </p:ext>
  </p:extLst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Sisältö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070"/>
            <a:ext cx="10515600" cy="1325887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344"/>
            <a:ext cx="5207000" cy="3649517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  <a:lvl2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2pPr>
            <a:lvl3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3pPr>
            <a:lvl4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4pPr>
            <a:lvl5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46800" y="1825344"/>
            <a:ext cx="5207000" cy="3649517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  <a:lvl2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2pPr>
            <a:lvl3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3pPr>
            <a:lvl4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4pPr>
            <a:lvl5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0E1E9E63-66FD-436F-AD62-97FE1428A788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7112351"/>
      </p:ext>
    </p:extLst>
  </p:cSld>
  <p:clrMapOvr>
    <a:masterClrMapping/>
  </p:clrMapOvr>
  <p:transition spd="slow">
    <p:push dir="u"/>
  </p:transition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752642" y="2182895"/>
            <a:ext cx="10515600" cy="1325887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8CB7B488-7F57-4A4E-9809-2CAB5DBE13B2}" type="datetime1">
              <a:rPr lang="fi-FI" smtClean="0"/>
              <a:t>8.3.2022</a:t>
            </a:fld>
            <a:endParaRPr lang="en-US"/>
          </a:p>
        </p:txBody>
      </p:sp>
      <p:sp>
        <p:nvSpPr>
          <p:cNvPr id="8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9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30075024"/>
      </p:ext>
    </p:extLst>
  </p:cSld>
  <p:clrMapOvr>
    <a:masterClrMapping/>
  </p:clrMapOvr>
  <p:transition spd="slow">
    <p:push dir="u"/>
  </p:transition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yhj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689A73FC-72AD-4CD5-AD0F-9CFE3925683B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2088371"/>
      </p:ext>
    </p:extLst>
  </p:cSld>
  <p:clrMapOvr>
    <a:masterClrMapping/>
  </p:clrMapOvr>
  <p:transition spd="slow">
    <p:push dir="u"/>
  </p:transition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sältö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48603" y="923116"/>
            <a:ext cx="10206009" cy="4444815"/>
          </a:xfrm>
          <a:prstGeom prst="rect">
            <a:avLst/>
          </a:prstGeom>
        </p:spPr>
        <p:txBody>
          <a:bodyPr/>
          <a:lstStyle>
            <a:lvl1pPr>
              <a:defRPr sz="2133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  <a:lvl2pPr>
              <a:defRPr sz="1866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2pPr>
            <a:lvl3pPr>
              <a:defRPr sz="1600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3pPr>
            <a:lvl4pPr>
              <a:defRPr sz="1333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4pPr>
            <a:lvl5pPr>
              <a:defRPr sz="1333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5pPr>
            <a:lvl6pPr>
              <a:defRPr sz="1333"/>
            </a:lvl6pPr>
            <a:lvl7pPr>
              <a:defRPr sz="1333"/>
            </a:lvl7pPr>
            <a:lvl8pPr>
              <a:defRPr sz="1333"/>
            </a:lvl8pPr>
            <a:lvl9pPr>
              <a:defRPr sz="1333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D3E574B5-3D13-4F03-B224-82A7714D0DE3}" type="datetime1">
              <a:rPr lang="fi-FI" smtClean="0"/>
              <a:t>8.3.2022</a:t>
            </a:fld>
            <a:endParaRPr lang="en-US"/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0309130"/>
      </p:ext>
    </p:extLst>
  </p:cSld>
  <p:clrMapOvr>
    <a:masterClrMapping/>
  </p:clrMapOvr>
  <p:transition spd="slow">
    <p:push dir="u"/>
  </p:transition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vataus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78DD83B1-B98D-47DC-BEF7-D71AC794AB01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9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9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0842739"/>
      </p:ext>
    </p:extLst>
  </p:cSld>
  <p:clrMapOvr>
    <a:masterClrMapping/>
  </p:clrMapOvr>
  <p:transition spd="slow">
    <p:push dir="u"/>
  </p:transition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Kuva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6"/>
          <p:cNvSpPr/>
          <p:nvPr userDrawn="1"/>
        </p:nvSpPr>
        <p:spPr>
          <a:xfrm>
            <a:off x="0" y="0"/>
            <a:ext cx="5240421" cy="6858000"/>
          </a:xfrm>
          <a:prstGeom prst="rect">
            <a:avLst/>
          </a:prstGeom>
          <a:solidFill>
            <a:srgbClr val="005A9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5785853" y="866141"/>
            <a:ext cx="5933407" cy="4929512"/>
          </a:xfrm>
          <a:prstGeom prst="rect">
            <a:avLst/>
          </a:prstGeom>
        </p:spPr>
        <p:txBody>
          <a:bodyPr/>
          <a:lstStyle>
            <a:lvl1pPr>
              <a:defRPr sz="2133" b="0" i="0">
                <a:solidFill>
                  <a:schemeClr val="tx1"/>
                </a:solidFill>
                <a:latin typeface="Calibri Light" charset="0"/>
                <a:ea typeface="Calibri Light" charset="0"/>
                <a:cs typeface="Calibri Light" charset="0"/>
              </a:defRPr>
            </a:lvl1pPr>
            <a:lvl2pPr>
              <a:defRPr sz="1866" b="0" i="0">
                <a:solidFill>
                  <a:schemeClr val="tx1"/>
                </a:solidFill>
                <a:latin typeface="Calibri Light" charset="0"/>
                <a:ea typeface="Calibri Light" charset="0"/>
                <a:cs typeface="Calibri Light" charset="0"/>
              </a:defRPr>
            </a:lvl2pPr>
            <a:lvl3pPr>
              <a:defRPr sz="1600" b="0" i="0">
                <a:solidFill>
                  <a:schemeClr val="tx1"/>
                </a:solidFill>
                <a:latin typeface="Calibri Light" charset="0"/>
                <a:ea typeface="Calibri Light" charset="0"/>
                <a:cs typeface="Calibri Light" charset="0"/>
              </a:defRPr>
            </a:lvl3pPr>
            <a:lvl4pPr>
              <a:defRPr sz="1333" b="0" i="0">
                <a:solidFill>
                  <a:schemeClr val="tx1"/>
                </a:solidFill>
                <a:latin typeface="Calibri Light" charset="0"/>
                <a:ea typeface="Calibri Light" charset="0"/>
                <a:cs typeface="Calibri Light" charset="0"/>
              </a:defRPr>
            </a:lvl4pPr>
            <a:lvl5pPr>
              <a:defRPr sz="1333" b="0" i="0">
                <a:solidFill>
                  <a:schemeClr val="tx1"/>
                </a:solidFill>
                <a:latin typeface="Calibri Light" charset="0"/>
                <a:ea typeface="Calibri Light" charset="0"/>
                <a:cs typeface="Calibri Light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itle 1"/>
          <p:cNvSpPr>
            <a:spLocks noGrp="1"/>
          </p:cNvSpPr>
          <p:nvPr>
            <p:ph type="title" hasCustomPrompt="1"/>
          </p:nvPr>
        </p:nvSpPr>
        <p:spPr>
          <a:xfrm>
            <a:off x="401053" y="866141"/>
            <a:ext cx="4438316" cy="4587333"/>
          </a:xfrm>
          <a:prstGeom prst="rect">
            <a:avLst/>
          </a:prstGeom>
        </p:spPr>
        <p:txBody>
          <a:bodyPr/>
          <a:lstStyle>
            <a:lvl1pPr>
              <a:defRPr sz="3600" b="0" i="0">
                <a:solidFill>
                  <a:schemeClr val="bg1"/>
                </a:solidFill>
                <a:latin typeface="Calibri Normaali" charset="0"/>
                <a:ea typeface="Calibri Normaali" charset="0"/>
                <a:cs typeface="Calibri Normaali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9883273" y="6335041"/>
            <a:ext cx="447842" cy="305366"/>
          </a:xfrm>
          <a:prstGeom prst="rect">
            <a:avLst/>
          </a:prstGeom>
        </p:spPr>
        <p:txBody>
          <a:bodyPr/>
          <a:lstStyle>
            <a:lvl1pPr>
              <a:defRPr sz="1200" b="0" i="0">
                <a:solidFill>
                  <a:srgbClr val="005A9B"/>
                </a:solidFill>
                <a:latin typeface="Calibri Light" charset="0"/>
                <a:ea typeface="Calibri Light" charset="0"/>
                <a:cs typeface="Calibri Light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74675566"/>
      </p:ext>
    </p:extLst>
  </p:cSld>
  <p:clrMapOvr>
    <a:masterClrMapping/>
  </p:clrMapOvr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ustakuva ja 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D78A86F0-3564-41FE-8533-C7F02CD853E7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838200" y="2766057"/>
            <a:ext cx="10515600" cy="1325887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836225829"/>
      </p:ext>
    </p:extLst>
  </p:cSld>
  <p:clrMapOvr>
    <a:masterClrMapping/>
  </p:clrMapOvr>
  <p:transition spd="slow">
    <p:push dir="u"/>
  </p:transition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kuva ja 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59309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1702BA5A-8496-448C-89B6-139DD992C50E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6452938" y="2033191"/>
            <a:ext cx="5332663" cy="2757312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582377581"/>
      </p:ext>
    </p:extLst>
  </p:cSld>
  <p:clrMapOvr>
    <a:masterClrMapping/>
  </p:clrMapOvr>
  <p:transition spd="slow">
    <p:push dir="u"/>
  </p:transition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va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59309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6562001" y="751022"/>
            <a:ext cx="5157259" cy="4403046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1pPr>
            <a:lvl2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2pPr>
            <a:lvl3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3pPr>
            <a:lvl4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4pPr>
            <a:lvl5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94EC1D0E-30F3-454B-AD4A-264E131CCBA8}" type="datetime1">
              <a:rPr lang="fi-FI" smtClean="0"/>
              <a:t>8.3.2022</a:t>
            </a:fld>
            <a:endParaRPr lang="en-US"/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14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3979467"/>
      </p:ext>
    </p:extLst>
  </p:cSld>
  <p:clrMapOvr>
    <a:masterClrMapping/>
  </p:clrMapOvr>
  <p:transition spd="slow">
    <p:push dir="u"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Aloitusruutu_tumma_fuksia_kuvi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A0976162-363D-4121-9E86-0E9C8710F12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1B535A-2832-40CC-8AEF-35E74D099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6" y="2000187"/>
            <a:ext cx="7407164" cy="2387600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15B170-1F73-4995-907A-3CE28F8F76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6" y="4562158"/>
            <a:ext cx="7407164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  <a:latin typeface="Poppins ExtraBold" panose="00000900000000000000" pitchFamily="2" charset="0"/>
                <a:cs typeface="Poppins ExtraBold" panose="00000900000000000000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/>
          </a:p>
        </p:txBody>
      </p:sp>
      <p:pic>
        <p:nvPicPr>
          <p:cNvPr id="6" name="Picture 5" descr="A picture containing text, blackboard&#10;&#10;Description automatically generated">
            <a:extLst>
              <a:ext uri="{FF2B5EF4-FFF2-40B4-BE49-F238E27FC236}">
                <a16:creationId xmlns:a16="http://schemas.microsoft.com/office/drawing/2014/main" id="{5D0F3E8B-B9D6-401B-89DB-DECA733FA2E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2876" y="1691640"/>
            <a:ext cx="3649916" cy="347472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CD2C8CA8-8603-41A4-9DD3-10B8144817DF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9553" y="6242935"/>
            <a:ext cx="230578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054568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yöreä kuva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/>
          <p:cNvSpPr>
            <a:spLocks noGrp="1"/>
          </p:cNvSpPr>
          <p:nvPr>
            <p:ph type="pic" sz="quarter" idx="10"/>
          </p:nvPr>
        </p:nvSpPr>
        <p:spPr>
          <a:xfrm>
            <a:off x="-2288005" y="-481189"/>
            <a:ext cx="7668127" cy="7666943"/>
          </a:xfrm>
          <a:custGeom>
            <a:avLst/>
            <a:gdLst>
              <a:gd name="connsiteX0" fmla="*/ 5751095 w 11502190"/>
              <a:gd name="connsiteY0" fmla="*/ 0 h 11502190"/>
              <a:gd name="connsiteX1" fmla="*/ 11502190 w 11502190"/>
              <a:gd name="connsiteY1" fmla="*/ 5751095 h 11502190"/>
              <a:gd name="connsiteX2" fmla="*/ 5751095 w 11502190"/>
              <a:gd name="connsiteY2" fmla="*/ 11502190 h 11502190"/>
              <a:gd name="connsiteX3" fmla="*/ 0 w 11502190"/>
              <a:gd name="connsiteY3" fmla="*/ 5751095 h 11502190"/>
              <a:gd name="connsiteX4" fmla="*/ 5751095 w 11502190"/>
              <a:gd name="connsiteY4" fmla="*/ 0 h 1150219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502190" h="11502190">
                <a:moveTo>
                  <a:pt x="5751095" y="0"/>
                </a:moveTo>
                <a:cubicBezTo>
                  <a:pt x="8927337" y="0"/>
                  <a:pt x="11502190" y="2574853"/>
                  <a:pt x="11502190" y="5751095"/>
                </a:cubicBezTo>
                <a:cubicBezTo>
                  <a:pt x="11502190" y="8927337"/>
                  <a:pt x="8927337" y="11502190"/>
                  <a:pt x="5751095" y="11502190"/>
                </a:cubicBezTo>
                <a:cubicBezTo>
                  <a:pt x="2574853" y="11502190"/>
                  <a:pt x="0" y="8927337"/>
                  <a:pt x="0" y="5751095"/>
                </a:cubicBezTo>
                <a:cubicBezTo>
                  <a:pt x="0" y="2574853"/>
                  <a:pt x="2574853" y="0"/>
                  <a:pt x="5751095" y="0"/>
                </a:cubicBez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defRPr>
                <a:solidFill>
                  <a:srgbClr val="005A9B"/>
                </a:solidFill>
              </a:defRPr>
            </a:lvl1pPr>
          </a:lstStyle>
          <a:p>
            <a:endParaRPr lang="en-US"/>
          </a:p>
        </p:txBody>
      </p:sp>
      <p:sp>
        <p:nvSpPr>
          <p:cNvPr id="3" name="Content Placeholder 3"/>
          <p:cNvSpPr>
            <a:spLocks noGrp="1"/>
          </p:cNvSpPr>
          <p:nvPr>
            <p:ph sz="half" idx="2"/>
          </p:nvPr>
        </p:nvSpPr>
        <p:spPr>
          <a:xfrm>
            <a:off x="6016570" y="996964"/>
            <a:ext cx="5640693" cy="4338887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1pPr>
            <a:lvl2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2pPr>
            <a:lvl3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3pPr>
            <a:lvl4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4pPr>
            <a:lvl5pPr>
              <a:defRPr b="0" i="0">
                <a:solidFill>
                  <a:srgbClr val="005A9B"/>
                </a:solidFill>
                <a:latin typeface="Montserrat Medium" charset="0"/>
                <a:ea typeface="Montserrat Medium" charset="0"/>
                <a:cs typeface="Montserrat Medium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082959333"/>
      </p:ext>
    </p:extLst>
  </p:cSld>
  <p:clrMapOvr>
    <a:masterClrMapping/>
  </p:clrMapOvr>
  <p:transition spd="slow">
    <p:push dir="u"/>
  </p:transition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kuva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2"/>
          <p:cNvSpPr>
            <a:spLocks noGrp="1"/>
          </p:cNvSpPr>
          <p:nvPr>
            <p:ph type="pic" sz="quarter" idx="11"/>
          </p:nvPr>
        </p:nvSpPr>
        <p:spPr>
          <a:xfrm>
            <a:off x="775368" y="962379"/>
            <a:ext cx="3161632" cy="4211071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8" name="Picture Placeholder 2"/>
          <p:cNvSpPr>
            <a:spLocks noGrp="1"/>
          </p:cNvSpPr>
          <p:nvPr>
            <p:ph type="pic" sz="quarter" idx="12"/>
          </p:nvPr>
        </p:nvSpPr>
        <p:spPr>
          <a:xfrm>
            <a:off x="4515184" y="962379"/>
            <a:ext cx="3161632" cy="4211071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3"/>
          </p:nvPr>
        </p:nvSpPr>
        <p:spPr>
          <a:xfrm>
            <a:off x="8255000" y="962379"/>
            <a:ext cx="3161632" cy="4211071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B5A19212-BC7A-47FD-8201-4E5F477B2FE3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4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15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486035"/>
      </p:ext>
    </p:extLst>
  </p:cSld>
  <p:clrMapOvr>
    <a:masterClrMapping/>
  </p:clrMapOvr>
  <p:transition spd="slow">
    <p:push dir="u"/>
  </p:transition>
  <p:extLst>
    <p:ext uri="{DCECCB84-F9BA-43D5-87BE-67443E8EF086}">
      <p15:sldGuideLst xmlns:p15="http://schemas.microsoft.com/office/powerpoint/2012/main">
        <p15:guide id="1" orient="horz" pos="3240">
          <p15:clr>
            <a:srgbClr val="FBAE40"/>
          </p15:clr>
        </p15:guide>
        <p15:guide id="2" pos="5760">
          <p15:clr>
            <a:srgbClr val="FBAE40"/>
          </p15:clr>
        </p15:guide>
      </p15:sldGuideLst>
    </p:ext>
  </p:extLst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Sisältö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069"/>
            <a:ext cx="10515600" cy="1325887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343"/>
            <a:ext cx="5207000" cy="3649517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  <a:lvl2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2pPr>
            <a:lvl3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3pPr>
            <a:lvl4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4pPr>
            <a:lvl5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46800" y="1825343"/>
            <a:ext cx="5207000" cy="3649517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  <a:lvl2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2pPr>
            <a:lvl3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3pPr>
            <a:lvl4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4pPr>
            <a:lvl5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3BCACDB7-5E5B-4745-B92D-B250BB0AEB88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chemeClr val="bg1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2036946"/>
      </p:ext>
    </p:extLst>
  </p:cSld>
  <p:clrMapOvr>
    <a:masterClrMapping/>
  </p:clrMapOvr>
  <p:transition spd="slow">
    <p:push dir="u"/>
  </p:transition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752642" y="2182894"/>
            <a:ext cx="10515600" cy="1325887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FD2E85DB-26E4-463C-9F00-29ED32F5E7DC}" type="datetime1">
              <a:rPr lang="fi-FI" smtClean="0"/>
              <a:t>8.3.2022</a:t>
            </a:fld>
            <a:endParaRPr lang="en-US"/>
          </a:p>
        </p:txBody>
      </p:sp>
      <p:sp>
        <p:nvSpPr>
          <p:cNvPr id="8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9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4386772"/>
      </p:ext>
    </p:extLst>
  </p:cSld>
  <p:clrMapOvr>
    <a:masterClrMapping/>
  </p:clrMapOvr>
  <p:transition spd="slow">
    <p:push dir="u"/>
  </p:transition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yhj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3203E3B7-DA66-45FB-B7BC-C57F15DCE17D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4029098"/>
      </p:ext>
    </p:extLst>
  </p:cSld>
  <p:clrMapOvr>
    <a:masterClrMapping/>
  </p:clrMapOvr>
  <p:transition spd="slow">
    <p:push dir="u"/>
  </p:transition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sältö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48602" y="923115"/>
            <a:ext cx="10206009" cy="4444815"/>
          </a:xfrm>
          <a:prstGeom prst="rect">
            <a:avLst/>
          </a:prstGeom>
        </p:spPr>
        <p:txBody>
          <a:bodyPr/>
          <a:lstStyle>
            <a:lvl1pPr>
              <a:defRPr sz="2133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  <a:lvl2pPr>
              <a:defRPr sz="1866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2pPr>
            <a:lvl3pPr>
              <a:defRPr sz="1600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3pPr>
            <a:lvl4pPr>
              <a:defRPr sz="1333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4pPr>
            <a:lvl5pPr>
              <a:defRPr sz="1333"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5pPr>
            <a:lvl6pPr>
              <a:defRPr sz="1333"/>
            </a:lvl6pPr>
            <a:lvl7pPr>
              <a:defRPr sz="1333"/>
            </a:lvl7pPr>
            <a:lvl8pPr>
              <a:defRPr sz="1333"/>
            </a:lvl8pPr>
            <a:lvl9pPr>
              <a:defRPr sz="1333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E9B6BAF1-37A7-495E-BEA5-88F14F3375E2}" type="datetime1">
              <a:rPr lang="fi-FI" smtClean="0"/>
              <a:t>8.3.2022</a:t>
            </a:fld>
            <a:endParaRPr lang="en-US"/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91864362"/>
      </p:ext>
    </p:extLst>
  </p:cSld>
  <p:clrMapOvr>
    <a:masterClrMapping/>
  </p:clrMapOvr>
  <p:transition spd="slow">
    <p:push dir="u"/>
  </p:transition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vataus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FC7FD1A-4D9B-4DC4-94FD-BE765A208A31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35755437"/>
      </p:ext>
    </p:extLst>
  </p:cSld>
  <p:clrMapOvr>
    <a:masterClrMapping/>
  </p:clrMapOvr>
  <p:transition spd="slow">
    <p:push dir="u"/>
  </p:transition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, subtitle &amp;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501650" y="651600"/>
            <a:ext cx="111887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/>
              <a:t>Click to add subtitle</a:t>
            </a:r>
          </a:p>
        </p:txBody>
      </p:sp>
      <p:sp>
        <p:nvSpPr>
          <p:cNvPr id="17" name="Chart Placeholder 3"/>
          <p:cNvSpPr>
            <a:spLocks noGrp="1"/>
          </p:cNvSpPr>
          <p:nvPr>
            <p:ph type="chart" sz="quarter" idx="15"/>
          </p:nvPr>
        </p:nvSpPr>
        <p:spPr>
          <a:xfrm>
            <a:off x="501652" y="2052000"/>
            <a:ext cx="11188699" cy="4069013"/>
          </a:xfrm>
          <a:prstGeom prst="rect">
            <a:avLst/>
          </a:prstGeom>
        </p:spPr>
        <p:txBody>
          <a:bodyPr>
            <a:noAutofit/>
          </a:bodyPr>
          <a:lstStyle/>
          <a:p>
            <a:r>
              <a:rPr lang="en-US"/>
              <a:t>Click icon to add chart</a:t>
            </a:r>
            <a:endParaRPr lang="en-GB"/>
          </a:p>
        </p:txBody>
      </p:sp>
      <p:sp>
        <p:nvSpPr>
          <p:cNvPr id="18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501652" y="1674087"/>
            <a:ext cx="11188699" cy="357187"/>
          </a:xfrm>
        </p:spPr>
        <p:txBody>
          <a:bodyPr>
            <a:noAutofit/>
          </a:bodyPr>
          <a:lstStyle/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19" name="Text Placeholder 7"/>
          <p:cNvSpPr>
            <a:spLocks noGrp="1"/>
          </p:cNvSpPr>
          <p:nvPr>
            <p:ph type="body" sz="quarter" idx="23"/>
          </p:nvPr>
        </p:nvSpPr>
        <p:spPr>
          <a:xfrm>
            <a:off x="501651" y="6121014"/>
            <a:ext cx="11188700" cy="260737"/>
          </a:xfrm>
        </p:spPr>
        <p:txBody>
          <a:bodyPr>
            <a:noAutofit/>
          </a:bodyPr>
          <a:lstStyle>
            <a:lvl1pPr>
              <a:spcAft>
                <a:spcPts val="0"/>
              </a:spcAft>
              <a:defRPr sz="9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8CFE9674-04ED-4C53-9426-4EA385799F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01650" y="317500"/>
            <a:ext cx="111887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>
                <a:latin typeface="+mj-lt"/>
              </a:defRPr>
            </a:lvl1pPr>
          </a:lstStyle>
          <a:p>
            <a:r>
              <a:rPr lang="en-US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313556742"/>
      </p:ext>
    </p:extLst>
  </p:cSld>
  <p:clrMapOvr>
    <a:masterClrMapping/>
  </p:clrMapOvr>
  <p:transition>
    <p:fade/>
  </p:transition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Otsikko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/>
              <a:t>Muokkaa perustyyl. napsautt.</a:t>
            </a:r>
          </a:p>
        </p:txBody>
      </p:sp>
      <p:sp>
        <p:nvSpPr>
          <p:cNvPr id="3" name="Sisällön paikkamerkki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i-FI"/>
              <a:t>Muokkaa tekstin perustyylejä</a:t>
            </a:r>
          </a:p>
          <a:p>
            <a:pPr lvl="1"/>
            <a:r>
              <a:rPr lang="fi-FI"/>
              <a:t>toinen taso</a:t>
            </a:r>
          </a:p>
          <a:p>
            <a:pPr lvl="2"/>
            <a:r>
              <a:rPr lang="fi-FI"/>
              <a:t>kolmas taso</a:t>
            </a:r>
          </a:p>
          <a:p>
            <a:pPr lvl="3"/>
            <a:r>
              <a:rPr lang="fi-FI"/>
              <a:t>neljäs taso</a:t>
            </a:r>
          </a:p>
          <a:p>
            <a:pPr lvl="4"/>
            <a:r>
              <a:rPr lang="fi-FI"/>
              <a:t>viides taso</a:t>
            </a:r>
          </a:p>
        </p:txBody>
      </p:sp>
      <p:sp>
        <p:nvSpPr>
          <p:cNvPr id="4" name="Päivämäärän paikkamerkki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7327F2-37F3-4CED-A244-7DF7E8C5D5BA}" type="datetime1">
              <a:rPr lang="fi-FI" smtClean="0"/>
              <a:t>8.3.2022</a:t>
            </a:fld>
            <a:endParaRPr lang="fi-FI"/>
          </a:p>
        </p:txBody>
      </p:sp>
      <p:sp>
        <p:nvSpPr>
          <p:cNvPr id="5" name="Alatunnisteen paikkamerkki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i-FI"/>
          </a:p>
        </p:txBody>
      </p:sp>
      <p:sp>
        <p:nvSpPr>
          <p:cNvPr id="6" name="Dian numeron paikkamerkki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9488B5-D842-4874-B534-160E9258EB96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431558047"/>
      </p:ext>
    </p:extLst>
  </p:cSld>
  <p:clrMapOvr>
    <a:masterClrMapping/>
  </p:clrMapOvr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ustakuva ja 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>
              <a:defRPr b="0" i="0">
                <a:solidFill>
                  <a:srgbClr val="005A9B"/>
                </a:solidFill>
                <a:latin typeface="Montserrat" charset="0"/>
                <a:ea typeface="Montserrat" charset="0"/>
                <a:cs typeface="Montserrat" charset="0"/>
              </a:defRPr>
            </a:lvl1pPr>
          </a:lstStyle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1"/>
          </p:nvPr>
        </p:nvSpPr>
        <p:spPr>
          <a:xfrm>
            <a:off x="8382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E7F2C89-71E3-43F7-ACF6-85C974DFEE62}" type="datetime1">
              <a:rPr lang="fi-FI" smtClean="0"/>
              <a:t>8.3.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>
          <a:xfrm>
            <a:off x="4038600" y="6356428"/>
            <a:ext cx="41148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10600" y="6356428"/>
            <a:ext cx="2743200" cy="365068"/>
          </a:xfrm>
          <a:prstGeom prst="rect">
            <a:avLst/>
          </a:prstGeom>
        </p:spPr>
        <p:txBody>
          <a:bodyPr/>
          <a:lstStyle>
            <a:lvl1pPr>
              <a:defRPr sz="933"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fld id="{47CC6391-E5AA-4B2F-B19C-1C030F29CA39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838200" y="2766057"/>
            <a:ext cx="10515600" cy="1325887"/>
          </a:xfrm>
          <a:prstGeom prst="rect">
            <a:avLst/>
          </a:prstGeom>
        </p:spPr>
        <p:txBody>
          <a:bodyPr/>
          <a:lstStyle>
            <a:lvl1pPr>
              <a:defRPr b="1" i="0">
                <a:solidFill>
                  <a:srgbClr val="005A9B"/>
                </a:solidFill>
                <a:latin typeface="Montserrat SemiBold" charset="0"/>
                <a:ea typeface="Montserrat SemiBold" charset="0"/>
                <a:cs typeface="Montserrat SemiBold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251393894"/>
      </p:ext>
    </p:extLst>
  </p:cSld>
  <p:clrMapOvr>
    <a:masterClrMapping/>
  </p:clrMapOvr>
  <p:transition spd="slow">
    <p:push dir="u"/>
  </p:transition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slideLayout" Target="../slideLayouts/slideLayout47.xml"/><Relationship Id="rId50" Type="http://schemas.openxmlformats.org/officeDocument/2006/relationships/slideLayout" Target="../slideLayouts/slideLayout50.xml"/><Relationship Id="rId55" Type="http://schemas.openxmlformats.org/officeDocument/2006/relationships/vmlDrawing" Target="../drawings/vmlDrawing1.v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slideLayout" Target="../slideLayouts/slideLayout46.xml"/><Relationship Id="rId59" Type="http://schemas.openxmlformats.org/officeDocument/2006/relationships/image" Target="../media/image2.png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slideLayout" Target="../slideLayouts/slideLayout41.xml"/><Relationship Id="rId54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3" Type="http://schemas.openxmlformats.org/officeDocument/2006/relationships/slideLayout" Target="../slideLayouts/slideLayout53.xml"/><Relationship Id="rId58" Type="http://schemas.openxmlformats.org/officeDocument/2006/relationships/image" Target="../media/image1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slideLayout" Target="../slideLayouts/slideLayout49.xml"/><Relationship Id="rId57" Type="http://schemas.openxmlformats.org/officeDocument/2006/relationships/oleObject" Target="../embeddings/oleObject1.bin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52" Type="http://schemas.openxmlformats.org/officeDocument/2006/relationships/slideLayout" Target="../slideLayouts/slideLayout52.xml"/><Relationship Id="rId60" Type="http://schemas.openxmlformats.org/officeDocument/2006/relationships/image" Target="../media/image3.pn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slideLayout" Target="../slideLayouts/slideLayout48.xml"/><Relationship Id="rId56" Type="http://schemas.openxmlformats.org/officeDocument/2006/relationships/tags" Target="../tags/tag2.xml"/><Relationship Id="rId8" Type="http://schemas.openxmlformats.org/officeDocument/2006/relationships/slideLayout" Target="../slideLayouts/slideLayout8.xml"/><Relationship Id="rId51" Type="http://schemas.openxmlformats.org/officeDocument/2006/relationships/slideLayout" Target="../slideLayouts/slideLayout51.xml"/><Relationship Id="rId3" Type="http://schemas.openxmlformats.org/officeDocument/2006/relationships/slideLayout" Target="../slideLayouts/slideLayout3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1.xml"/><Relationship Id="rId13" Type="http://schemas.openxmlformats.org/officeDocument/2006/relationships/vmlDrawing" Target="../drawings/vmlDrawing2.vml"/><Relationship Id="rId3" Type="http://schemas.openxmlformats.org/officeDocument/2006/relationships/slideLayout" Target="../slideLayouts/slideLayout56.xml"/><Relationship Id="rId7" Type="http://schemas.openxmlformats.org/officeDocument/2006/relationships/slideLayout" Target="../slideLayouts/slideLayout60.xml"/><Relationship Id="rId12" Type="http://schemas.openxmlformats.org/officeDocument/2006/relationships/theme" Target="../theme/theme2.xml"/><Relationship Id="rId17" Type="http://schemas.openxmlformats.org/officeDocument/2006/relationships/image" Target="../media/image12.png"/><Relationship Id="rId2" Type="http://schemas.openxmlformats.org/officeDocument/2006/relationships/slideLayout" Target="../slideLayouts/slideLayout55.xml"/><Relationship Id="rId16" Type="http://schemas.openxmlformats.org/officeDocument/2006/relationships/image" Target="../media/image1.emf"/><Relationship Id="rId1" Type="http://schemas.openxmlformats.org/officeDocument/2006/relationships/slideLayout" Target="../slideLayouts/slideLayout54.xml"/><Relationship Id="rId6" Type="http://schemas.openxmlformats.org/officeDocument/2006/relationships/slideLayout" Target="../slideLayouts/slideLayout59.xml"/><Relationship Id="rId11" Type="http://schemas.openxmlformats.org/officeDocument/2006/relationships/slideLayout" Target="../slideLayouts/slideLayout64.xml"/><Relationship Id="rId5" Type="http://schemas.openxmlformats.org/officeDocument/2006/relationships/slideLayout" Target="../slideLayouts/slideLayout58.xml"/><Relationship Id="rId15" Type="http://schemas.openxmlformats.org/officeDocument/2006/relationships/oleObject" Target="../embeddings/oleObject2.bin"/><Relationship Id="rId10" Type="http://schemas.openxmlformats.org/officeDocument/2006/relationships/slideLayout" Target="../slideLayouts/slideLayout63.xml"/><Relationship Id="rId4" Type="http://schemas.openxmlformats.org/officeDocument/2006/relationships/slideLayout" Target="../slideLayouts/slideLayout57.xml"/><Relationship Id="rId9" Type="http://schemas.openxmlformats.org/officeDocument/2006/relationships/slideLayout" Target="../slideLayouts/slideLayout62.xml"/><Relationship Id="rId14" Type="http://schemas.openxmlformats.org/officeDocument/2006/relationships/tags" Target="../tags/tag3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2.xml"/><Relationship Id="rId13" Type="http://schemas.openxmlformats.org/officeDocument/2006/relationships/vmlDrawing" Target="../drawings/vmlDrawing3.vml"/><Relationship Id="rId3" Type="http://schemas.openxmlformats.org/officeDocument/2006/relationships/slideLayout" Target="../slideLayouts/slideLayout67.xml"/><Relationship Id="rId7" Type="http://schemas.openxmlformats.org/officeDocument/2006/relationships/slideLayout" Target="../slideLayouts/slideLayout71.xml"/><Relationship Id="rId12" Type="http://schemas.openxmlformats.org/officeDocument/2006/relationships/theme" Target="../theme/theme3.xml"/><Relationship Id="rId17" Type="http://schemas.openxmlformats.org/officeDocument/2006/relationships/image" Target="../media/image12.png"/><Relationship Id="rId2" Type="http://schemas.openxmlformats.org/officeDocument/2006/relationships/slideLayout" Target="../slideLayouts/slideLayout66.xml"/><Relationship Id="rId16" Type="http://schemas.openxmlformats.org/officeDocument/2006/relationships/image" Target="../media/image1.emf"/><Relationship Id="rId1" Type="http://schemas.openxmlformats.org/officeDocument/2006/relationships/slideLayout" Target="../slideLayouts/slideLayout65.xml"/><Relationship Id="rId6" Type="http://schemas.openxmlformats.org/officeDocument/2006/relationships/slideLayout" Target="../slideLayouts/slideLayout70.xml"/><Relationship Id="rId11" Type="http://schemas.openxmlformats.org/officeDocument/2006/relationships/slideLayout" Target="../slideLayouts/slideLayout75.xml"/><Relationship Id="rId5" Type="http://schemas.openxmlformats.org/officeDocument/2006/relationships/slideLayout" Target="../slideLayouts/slideLayout69.xml"/><Relationship Id="rId15" Type="http://schemas.openxmlformats.org/officeDocument/2006/relationships/oleObject" Target="../embeddings/oleObject3.bin"/><Relationship Id="rId10" Type="http://schemas.openxmlformats.org/officeDocument/2006/relationships/slideLayout" Target="../slideLayouts/slideLayout74.xml"/><Relationship Id="rId4" Type="http://schemas.openxmlformats.org/officeDocument/2006/relationships/slideLayout" Target="../slideLayouts/slideLayout68.xml"/><Relationship Id="rId9" Type="http://schemas.openxmlformats.org/officeDocument/2006/relationships/slideLayout" Target="../slideLayouts/slideLayout73.xml"/><Relationship Id="rId14" Type="http://schemas.openxmlformats.org/officeDocument/2006/relationships/tags" Target="../tags/tag4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3.xml"/><Relationship Id="rId13" Type="http://schemas.openxmlformats.org/officeDocument/2006/relationships/vmlDrawing" Target="../drawings/vmlDrawing4.vml"/><Relationship Id="rId3" Type="http://schemas.openxmlformats.org/officeDocument/2006/relationships/slideLayout" Target="../slideLayouts/slideLayout78.xml"/><Relationship Id="rId7" Type="http://schemas.openxmlformats.org/officeDocument/2006/relationships/slideLayout" Target="../slideLayouts/slideLayout82.xml"/><Relationship Id="rId12" Type="http://schemas.openxmlformats.org/officeDocument/2006/relationships/theme" Target="../theme/theme4.xml"/><Relationship Id="rId17" Type="http://schemas.openxmlformats.org/officeDocument/2006/relationships/image" Target="../media/image12.png"/><Relationship Id="rId2" Type="http://schemas.openxmlformats.org/officeDocument/2006/relationships/slideLayout" Target="../slideLayouts/slideLayout77.xml"/><Relationship Id="rId16" Type="http://schemas.openxmlformats.org/officeDocument/2006/relationships/image" Target="../media/image1.emf"/><Relationship Id="rId1" Type="http://schemas.openxmlformats.org/officeDocument/2006/relationships/slideLayout" Target="../slideLayouts/slideLayout76.xml"/><Relationship Id="rId6" Type="http://schemas.openxmlformats.org/officeDocument/2006/relationships/slideLayout" Target="../slideLayouts/slideLayout81.xml"/><Relationship Id="rId11" Type="http://schemas.openxmlformats.org/officeDocument/2006/relationships/slideLayout" Target="../slideLayouts/slideLayout86.xml"/><Relationship Id="rId5" Type="http://schemas.openxmlformats.org/officeDocument/2006/relationships/slideLayout" Target="../slideLayouts/slideLayout80.xml"/><Relationship Id="rId15" Type="http://schemas.openxmlformats.org/officeDocument/2006/relationships/oleObject" Target="../embeddings/oleObject4.bin"/><Relationship Id="rId10" Type="http://schemas.openxmlformats.org/officeDocument/2006/relationships/slideLayout" Target="../slideLayouts/slideLayout85.xml"/><Relationship Id="rId4" Type="http://schemas.openxmlformats.org/officeDocument/2006/relationships/slideLayout" Target="../slideLayouts/slideLayout79.xml"/><Relationship Id="rId9" Type="http://schemas.openxmlformats.org/officeDocument/2006/relationships/slideLayout" Target="../slideLayouts/slideLayout84.xml"/><Relationship Id="rId14" Type="http://schemas.openxmlformats.org/officeDocument/2006/relationships/tags" Target="../tags/tag5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94.xml"/><Relationship Id="rId13" Type="http://schemas.openxmlformats.org/officeDocument/2006/relationships/theme" Target="../theme/theme5.xml"/><Relationship Id="rId18" Type="http://schemas.openxmlformats.org/officeDocument/2006/relationships/image" Target="../media/image12.png"/><Relationship Id="rId3" Type="http://schemas.openxmlformats.org/officeDocument/2006/relationships/slideLayout" Target="../slideLayouts/slideLayout89.xml"/><Relationship Id="rId7" Type="http://schemas.openxmlformats.org/officeDocument/2006/relationships/slideLayout" Target="../slideLayouts/slideLayout93.xml"/><Relationship Id="rId12" Type="http://schemas.openxmlformats.org/officeDocument/2006/relationships/slideLayout" Target="../slideLayouts/slideLayout98.xml"/><Relationship Id="rId17" Type="http://schemas.openxmlformats.org/officeDocument/2006/relationships/image" Target="../media/image1.emf"/><Relationship Id="rId2" Type="http://schemas.openxmlformats.org/officeDocument/2006/relationships/slideLayout" Target="../slideLayouts/slideLayout88.xml"/><Relationship Id="rId16" Type="http://schemas.openxmlformats.org/officeDocument/2006/relationships/oleObject" Target="../embeddings/oleObject5.bin"/><Relationship Id="rId1" Type="http://schemas.openxmlformats.org/officeDocument/2006/relationships/slideLayout" Target="../slideLayouts/slideLayout87.xml"/><Relationship Id="rId6" Type="http://schemas.openxmlformats.org/officeDocument/2006/relationships/slideLayout" Target="../slideLayouts/slideLayout92.xml"/><Relationship Id="rId11" Type="http://schemas.openxmlformats.org/officeDocument/2006/relationships/slideLayout" Target="../slideLayouts/slideLayout97.xml"/><Relationship Id="rId5" Type="http://schemas.openxmlformats.org/officeDocument/2006/relationships/slideLayout" Target="../slideLayouts/slideLayout91.xml"/><Relationship Id="rId15" Type="http://schemas.openxmlformats.org/officeDocument/2006/relationships/tags" Target="../tags/tag6.xml"/><Relationship Id="rId10" Type="http://schemas.openxmlformats.org/officeDocument/2006/relationships/slideLayout" Target="../slideLayouts/slideLayout96.xml"/><Relationship Id="rId4" Type="http://schemas.openxmlformats.org/officeDocument/2006/relationships/slideLayout" Target="../slideLayouts/slideLayout90.xml"/><Relationship Id="rId9" Type="http://schemas.openxmlformats.org/officeDocument/2006/relationships/slideLayout" Target="../slideLayouts/slideLayout95.xml"/><Relationship Id="rId14" Type="http://schemas.openxmlformats.org/officeDocument/2006/relationships/vmlDrawing" Target="../drawings/vmlDrawing5.v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06.xml"/><Relationship Id="rId13" Type="http://schemas.openxmlformats.org/officeDocument/2006/relationships/theme" Target="../theme/theme6.xml"/><Relationship Id="rId18" Type="http://schemas.openxmlformats.org/officeDocument/2006/relationships/image" Target="../media/image12.png"/><Relationship Id="rId3" Type="http://schemas.openxmlformats.org/officeDocument/2006/relationships/slideLayout" Target="../slideLayouts/slideLayout101.xml"/><Relationship Id="rId7" Type="http://schemas.openxmlformats.org/officeDocument/2006/relationships/slideLayout" Target="../slideLayouts/slideLayout105.xml"/><Relationship Id="rId12" Type="http://schemas.openxmlformats.org/officeDocument/2006/relationships/slideLayout" Target="../slideLayouts/slideLayout110.xml"/><Relationship Id="rId17" Type="http://schemas.openxmlformats.org/officeDocument/2006/relationships/image" Target="../media/image1.emf"/><Relationship Id="rId2" Type="http://schemas.openxmlformats.org/officeDocument/2006/relationships/slideLayout" Target="../slideLayouts/slideLayout100.xml"/><Relationship Id="rId16" Type="http://schemas.openxmlformats.org/officeDocument/2006/relationships/oleObject" Target="../embeddings/oleObject6.bin"/><Relationship Id="rId1" Type="http://schemas.openxmlformats.org/officeDocument/2006/relationships/slideLayout" Target="../slideLayouts/slideLayout99.xml"/><Relationship Id="rId6" Type="http://schemas.openxmlformats.org/officeDocument/2006/relationships/slideLayout" Target="../slideLayouts/slideLayout104.xml"/><Relationship Id="rId11" Type="http://schemas.openxmlformats.org/officeDocument/2006/relationships/slideLayout" Target="../slideLayouts/slideLayout109.xml"/><Relationship Id="rId5" Type="http://schemas.openxmlformats.org/officeDocument/2006/relationships/slideLayout" Target="../slideLayouts/slideLayout103.xml"/><Relationship Id="rId15" Type="http://schemas.openxmlformats.org/officeDocument/2006/relationships/tags" Target="../tags/tag7.xml"/><Relationship Id="rId10" Type="http://schemas.openxmlformats.org/officeDocument/2006/relationships/slideLayout" Target="../slideLayouts/slideLayout108.xml"/><Relationship Id="rId4" Type="http://schemas.openxmlformats.org/officeDocument/2006/relationships/slideLayout" Target="../slideLayouts/slideLayout102.xml"/><Relationship Id="rId9" Type="http://schemas.openxmlformats.org/officeDocument/2006/relationships/slideLayout" Target="../slideLayouts/slideLayout107.xml"/><Relationship Id="rId14" Type="http://schemas.openxmlformats.org/officeDocument/2006/relationships/vmlDrawing" Target="../drawings/vmlDrawing6.vml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18.xml"/><Relationship Id="rId13" Type="http://schemas.openxmlformats.org/officeDocument/2006/relationships/theme" Target="../theme/theme7.xml"/><Relationship Id="rId18" Type="http://schemas.openxmlformats.org/officeDocument/2006/relationships/image" Target="../media/image12.png"/><Relationship Id="rId3" Type="http://schemas.openxmlformats.org/officeDocument/2006/relationships/slideLayout" Target="../slideLayouts/slideLayout113.xml"/><Relationship Id="rId7" Type="http://schemas.openxmlformats.org/officeDocument/2006/relationships/slideLayout" Target="../slideLayouts/slideLayout117.xml"/><Relationship Id="rId12" Type="http://schemas.openxmlformats.org/officeDocument/2006/relationships/slideLayout" Target="../slideLayouts/slideLayout122.xml"/><Relationship Id="rId17" Type="http://schemas.openxmlformats.org/officeDocument/2006/relationships/image" Target="../media/image1.emf"/><Relationship Id="rId2" Type="http://schemas.openxmlformats.org/officeDocument/2006/relationships/slideLayout" Target="../slideLayouts/slideLayout112.xml"/><Relationship Id="rId16" Type="http://schemas.openxmlformats.org/officeDocument/2006/relationships/oleObject" Target="../embeddings/oleObject7.bin"/><Relationship Id="rId1" Type="http://schemas.openxmlformats.org/officeDocument/2006/relationships/slideLayout" Target="../slideLayouts/slideLayout111.xml"/><Relationship Id="rId6" Type="http://schemas.openxmlformats.org/officeDocument/2006/relationships/slideLayout" Target="../slideLayouts/slideLayout116.xml"/><Relationship Id="rId11" Type="http://schemas.openxmlformats.org/officeDocument/2006/relationships/slideLayout" Target="../slideLayouts/slideLayout121.xml"/><Relationship Id="rId5" Type="http://schemas.openxmlformats.org/officeDocument/2006/relationships/slideLayout" Target="../slideLayouts/slideLayout115.xml"/><Relationship Id="rId15" Type="http://schemas.openxmlformats.org/officeDocument/2006/relationships/tags" Target="../tags/tag8.xml"/><Relationship Id="rId10" Type="http://schemas.openxmlformats.org/officeDocument/2006/relationships/slideLayout" Target="../slideLayouts/slideLayout120.xml"/><Relationship Id="rId4" Type="http://schemas.openxmlformats.org/officeDocument/2006/relationships/slideLayout" Target="../slideLayouts/slideLayout114.xml"/><Relationship Id="rId9" Type="http://schemas.openxmlformats.org/officeDocument/2006/relationships/slideLayout" Target="../slideLayouts/slideLayout119.xml"/><Relationship Id="rId14" Type="http://schemas.openxmlformats.org/officeDocument/2006/relationships/vmlDrawing" Target="../drawings/vmlDrawing7.vml"/></Relationships>
</file>

<file path=ppt/slideMasters/_rels/slideMaster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30.xml"/><Relationship Id="rId13" Type="http://schemas.openxmlformats.org/officeDocument/2006/relationships/theme" Target="../theme/theme8.xml"/><Relationship Id="rId18" Type="http://schemas.openxmlformats.org/officeDocument/2006/relationships/image" Target="../media/image12.png"/><Relationship Id="rId3" Type="http://schemas.openxmlformats.org/officeDocument/2006/relationships/slideLayout" Target="../slideLayouts/slideLayout125.xml"/><Relationship Id="rId7" Type="http://schemas.openxmlformats.org/officeDocument/2006/relationships/slideLayout" Target="../slideLayouts/slideLayout129.xml"/><Relationship Id="rId12" Type="http://schemas.openxmlformats.org/officeDocument/2006/relationships/slideLayout" Target="../slideLayouts/slideLayout134.xml"/><Relationship Id="rId17" Type="http://schemas.openxmlformats.org/officeDocument/2006/relationships/image" Target="../media/image1.emf"/><Relationship Id="rId2" Type="http://schemas.openxmlformats.org/officeDocument/2006/relationships/slideLayout" Target="../slideLayouts/slideLayout124.xml"/><Relationship Id="rId16" Type="http://schemas.openxmlformats.org/officeDocument/2006/relationships/oleObject" Target="../embeddings/oleObject8.bin"/><Relationship Id="rId1" Type="http://schemas.openxmlformats.org/officeDocument/2006/relationships/slideLayout" Target="../slideLayouts/slideLayout123.xml"/><Relationship Id="rId6" Type="http://schemas.openxmlformats.org/officeDocument/2006/relationships/slideLayout" Target="../slideLayouts/slideLayout128.xml"/><Relationship Id="rId11" Type="http://schemas.openxmlformats.org/officeDocument/2006/relationships/slideLayout" Target="../slideLayouts/slideLayout133.xml"/><Relationship Id="rId5" Type="http://schemas.openxmlformats.org/officeDocument/2006/relationships/slideLayout" Target="../slideLayouts/slideLayout127.xml"/><Relationship Id="rId15" Type="http://schemas.openxmlformats.org/officeDocument/2006/relationships/tags" Target="../tags/tag9.xml"/><Relationship Id="rId10" Type="http://schemas.openxmlformats.org/officeDocument/2006/relationships/slideLayout" Target="../slideLayouts/slideLayout132.xml"/><Relationship Id="rId4" Type="http://schemas.openxmlformats.org/officeDocument/2006/relationships/slideLayout" Target="../slideLayouts/slideLayout126.xml"/><Relationship Id="rId9" Type="http://schemas.openxmlformats.org/officeDocument/2006/relationships/slideLayout" Target="../slideLayouts/slideLayout131.xml"/><Relationship Id="rId14" Type="http://schemas.openxmlformats.org/officeDocument/2006/relationships/vmlDrawing" Target="../drawings/vmlDrawing8.vml"/></Relationships>
</file>

<file path=ppt/slideMasters/_rels/slideMaster9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47.xml"/><Relationship Id="rId18" Type="http://schemas.openxmlformats.org/officeDocument/2006/relationships/slideLayout" Target="../slideLayouts/slideLayout152.xml"/><Relationship Id="rId26" Type="http://schemas.openxmlformats.org/officeDocument/2006/relationships/slideLayout" Target="../slideLayouts/slideLayout160.xml"/><Relationship Id="rId39" Type="http://schemas.openxmlformats.org/officeDocument/2006/relationships/slideLayout" Target="../slideLayouts/slideLayout173.xml"/><Relationship Id="rId21" Type="http://schemas.openxmlformats.org/officeDocument/2006/relationships/slideLayout" Target="../slideLayouts/slideLayout155.xml"/><Relationship Id="rId34" Type="http://schemas.openxmlformats.org/officeDocument/2006/relationships/slideLayout" Target="../slideLayouts/slideLayout168.xml"/><Relationship Id="rId42" Type="http://schemas.openxmlformats.org/officeDocument/2006/relationships/slideLayout" Target="../slideLayouts/slideLayout176.xml"/><Relationship Id="rId47" Type="http://schemas.openxmlformats.org/officeDocument/2006/relationships/slideLayout" Target="../slideLayouts/slideLayout181.xml"/><Relationship Id="rId50" Type="http://schemas.openxmlformats.org/officeDocument/2006/relationships/slideLayout" Target="../slideLayouts/slideLayout184.xml"/><Relationship Id="rId55" Type="http://schemas.openxmlformats.org/officeDocument/2006/relationships/theme" Target="../theme/theme9.xml"/><Relationship Id="rId7" Type="http://schemas.openxmlformats.org/officeDocument/2006/relationships/slideLayout" Target="../slideLayouts/slideLayout141.xml"/><Relationship Id="rId2" Type="http://schemas.openxmlformats.org/officeDocument/2006/relationships/slideLayout" Target="../slideLayouts/slideLayout136.xml"/><Relationship Id="rId16" Type="http://schemas.openxmlformats.org/officeDocument/2006/relationships/slideLayout" Target="../slideLayouts/slideLayout150.xml"/><Relationship Id="rId20" Type="http://schemas.openxmlformats.org/officeDocument/2006/relationships/slideLayout" Target="../slideLayouts/slideLayout154.xml"/><Relationship Id="rId29" Type="http://schemas.openxmlformats.org/officeDocument/2006/relationships/slideLayout" Target="../slideLayouts/slideLayout163.xml"/><Relationship Id="rId41" Type="http://schemas.openxmlformats.org/officeDocument/2006/relationships/slideLayout" Target="../slideLayouts/slideLayout175.xml"/><Relationship Id="rId54" Type="http://schemas.openxmlformats.org/officeDocument/2006/relationships/slideLayout" Target="../slideLayouts/slideLayout188.xml"/><Relationship Id="rId1" Type="http://schemas.openxmlformats.org/officeDocument/2006/relationships/slideLayout" Target="../slideLayouts/slideLayout135.xml"/><Relationship Id="rId6" Type="http://schemas.openxmlformats.org/officeDocument/2006/relationships/slideLayout" Target="../slideLayouts/slideLayout140.xml"/><Relationship Id="rId11" Type="http://schemas.openxmlformats.org/officeDocument/2006/relationships/slideLayout" Target="../slideLayouts/slideLayout145.xml"/><Relationship Id="rId24" Type="http://schemas.openxmlformats.org/officeDocument/2006/relationships/slideLayout" Target="../slideLayouts/slideLayout158.xml"/><Relationship Id="rId32" Type="http://schemas.openxmlformats.org/officeDocument/2006/relationships/slideLayout" Target="../slideLayouts/slideLayout166.xml"/><Relationship Id="rId37" Type="http://schemas.openxmlformats.org/officeDocument/2006/relationships/slideLayout" Target="../slideLayouts/slideLayout171.xml"/><Relationship Id="rId40" Type="http://schemas.openxmlformats.org/officeDocument/2006/relationships/slideLayout" Target="../slideLayouts/slideLayout174.xml"/><Relationship Id="rId45" Type="http://schemas.openxmlformats.org/officeDocument/2006/relationships/slideLayout" Target="../slideLayouts/slideLayout179.xml"/><Relationship Id="rId53" Type="http://schemas.openxmlformats.org/officeDocument/2006/relationships/slideLayout" Target="../slideLayouts/slideLayout187.xml"/><Relationship Id="rId58" Type="http://schemas.openxmlformats.org/officeDocument/2006/relationships/oleObject" Target="../embeddings/oleObject9.bin"/><Relationship Id="rId5" Type="http://schemas.openxmlformats.org/officeDocument/2006/relationships/slideLayout" Target="../slideLayouts/slideLayout139.xml"/><Relationship Id="rId15" Type="http://schemas.openxmlformats.org/officeDocument/2006/relationships/slideLayout" Target="../slideLayouts/slideLayout149.xml"/><Relationship Id="rId23" Type="http://schemas.openxmlformats.org/officeDocument/2006/relationships/slideLayout" Target="../slideLayouts/slideLayout157.xml"/><Relationship Id="rId28" Type="http://schemas.openxmlformats.org/officeDocument/2006/relationships/slideLayout" Target="../slideLayouts/slideLayout162.xml"/><Relationship Id="rId36" Type="http://schemas.openxmlformats.org/officeDocument/2006/relationships/slideLayout" Target="../slideLayouts/slideLayout170.xml"/><Relationship Id="rId49" Type="http://schemas.openxmlformats.org/officeDocument/2006/relationships/slideLayout" Target="../slideLayouts/slideLayout183.xml"/><Relationship Id="rId57" Type="http://schemas.openxmlformats.org/officeDocument/2006/relationships/tags" Target="../tags/tag10.xml"/><Relationship Id="rId61" Type="http://schemas.openxmlformats.org/officeDocument/2006/relationships/image" Target="../media/image3.png"/><Relationship Id="rId10" Type="http://schemas.openxmlformats.org/officeDocument/2006/relationships/slideLayout" Target="../slideLayouts/slideLayout144.xml"/><Relationship Id="rId19" Type="http://schemas.openxmlformats.org/officeDocument/2006/relationships/slideLayout" Target="../slideLayouts/slideLayout153.xml"/><Relationship Id="rId31" Type="http://schemas.openxmlformats.org/officeDocument/2006/relationships/slideLayout" Target="../slideLayouts/slideLayout165.xml"/><Relationship Id="rId44" Type="http://schemas.openxmlformats.org/officeDocument/2006/relationships/slideLayout" Target="../slideLayouts/slideLayout178.xml"/><Relationship Id="rId52" Type="http://schemas.openxmlformats.org/officeDocument/2006/relationships/slideLayout" Target="../slideLayouts/slideLayout186.xml"/><Relationship Id="rId60" Type="http://schemas.openxmlformats.org/officeDocument/2006/relationships/image" Target="../media/image2.png"/><Relationship Id="rId4" Type="http://schemas.openxmlformats.org/officeDocument/2006/relationships/slideLayout" Target="../slideLayouts/slideLayout138.xml"/><Relationship Id="rId9" Type="http://schemas.openxmlformats.org/officeDocument/2006/relationships/slideLayout" Target="../slideLayouts/slideLayout143.xml"/><Relationship Id="rId14" Type="http://schemas.openxmlformats.org/officeDocument/2006/relationships/slideLayout" Target="../slideLayouts/slideLayout148.xml"/><Relationship Id="rId22" Type="http://schemas.openxmlformats.org/officeDocument/2006/relationships/slideLayout" Target="../slideLayouts/slideLayout156.xml"/><Relationship Id="rId27" Type="http://schemas.openxmlformats.org/officeDocument/2006/relationships/slideLayout" Target="../slideLayouts/slideLayout161.xml"/><Relationship Id="rId30" Type="http://schemas.openxmlformats.org/officeDocument/2006/relationships/slideLayout" Target="../slideLayouts/slideLayout164.xml"/><Relationship Id="rId35" Type="http://schemas.openxmlformats.org/officeDocument/2006/relationships/slideLayout" Target="../slideLayouts/slideLayout169.xml"/><Relationship Id="rId43" Type="http://schemas.openxmlformats.org/officeDocument/2006/relationships/slideLayout" Target="../slideLayouts/slideLayout177.xml"/><Relationship Id="rId48" Type="http://schemas.openxmlformats.org/officeDocument/2006/relationships/slideLayout" Target="../slideLayouts/slideLayout182.xml"/><Relationship Id="rId56" Type="http://schemas.openxmlformats.org/officeDocument/2006/relationships/vmlDrawing" Target="../drawings/vmlDrawing9.vml"/><Relationship Id="rId8" Type="http://schemas.openxmlformats.org/officeDocument/2006/relationships/slideLayout" Target="../slideLayouts/slideLayout142.xml"/><Relationship Id="rId51" Type="http://schemas.openxmlformats.org/officeDocument/2006/relationships/slideLayout" Target="../slideLayouts/slideLayout185.xml"/><Relationship Id="rId3" Type="http://schemas.openxmlformats.org/officeDocument/2006/relationships/slideLayout" Target="../slideLayouts/slideLayout137.xml"/><Relationship Id="rId12" Type="http://schemas.openxmlformats.org/officeDocument/2006/relationships/slideLayout" Target="../slideLayouts/slideLayout146.xml"/><Relationship Id="rId17" Type="http://schemas.openxmlformats.org/officeDocument/2006/relationships/slideLayout" Target="../slideLayouts/slideLayout151.xml"/><Relationship Id="rId25" Type="http://schemas.openxmlformats.org/officeDocument/2006/relationships/slideLayout" Target="../slideLayouts/slideLayout159.xml"/><Relationship Id="rId33" Type="http://schemas.openxmlformats.org/officeDocument/2006/relationships/slideLayout" Target="../slideLayouts/slideLayout167.xml"/><Relationship Id="rId38" Type="http://schemas.openxmlformats.org/officeDocument/2006/relationships/slideLayout" Target="../slideLayouts/slideLayout172.xml"/><Relationship Id="rId46" Type="http://schemas.openxmlformats.org/officeDocument/2006/relationships/slideLayout" Target="../slideLayouts/slideLayout180.xml"/><Relationship Id="rId59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90715407-C651-43E6-BC8B-1CBB171C6CE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56"/>
            </p:custDataLst>
            <p:extLst>
              <p:ext uri="{D42A27DB-BD31-4B8C-83A1-F6EECF244321}">
                <p14:modId xmlns:p14="http://schemas.microsoft.com/office/powerpoint/2010/main" val="337888635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6" name="think-cell Slide" r:id="rId57" imgW="395" imgH="394" progId="TCLayout.ActiveDocument.1">
                  <p:embed/>
                </p:oleObj>
              </mc:Choice>
              <mc:Fallback>
                <p:oleObj name="think-cell Slide" r:id="rId57" imgW="395" imgH="394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90715407-C651-43E6-BC8B-1CBB171C6CE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34675C3-A68A-494B-A887-BB4F9C59595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73668" y="487242"/>
            <a:ext cx="9569557" cy="61318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4F11B-CC2F-4841-B144-357C828B93C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73669" y="1299308"/>
            <a:ext cx="11205372" cy="472935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B16872D-DE43-4755-8211-BDAE2EE6B3B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9983495" y="6257748"/>
            <a:ext cx="107480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fld id="{EE7E77B2-3C45-4416-950E-C31ABE3F3CB8}" type="datetime1">
              <a:rPr lang="fi-FI" smtClean="0"/>
              <a:t>8.3.2022</a:t>
            </a:fld>
            <a:endParaRPr lang="fi-FI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ED66FFF-A4FB-4489-9B49-5DDC688AAB1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75568" y="6257749"/>
            <a:ext cx="60347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fld id="{D5C7B8F6-2765-465B-BF52-D1DF320C1AE3}" type="slidenum">
              <a:rPr lang="fi-FI" smtClean="0"/>
              <a:pPr/>
              <a:t>‹#›</a:t>
            </a:fld>
            <a:endParaRPr lang="fi-FI"/>
          </a:p>
        </p:txBody>
      </p:sp>
      <p:sp>
        <p:nvSpPr>
          <p:cNvPr id="18" name="Footer Placeholder 4">
            <a:extLst>
              <a:ext uri="{FF2B5EF4-FFF2-40B4-BE49-F238E27FC236}">
                <a16:creationId xmlns:a16="http://schemas.microsoft.com/office/drawing/2014/main" id="{34F72BBA-3120-418C-94D3-114F2CB3192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  <p:pic>
        <p:nvPicPr>
          <p:cNvPr id="54" name="Picture 53">
            <a:extLst>
              <a:ext uri="{FF2B5EF4-FFF2-40B4-BE49-F238E27FC236}">
                <a16:creationId xmlns:a16="http://schemas.microsoft.com/office/drawing/2014/main" id="{B4A78410-7DAE-4BD5-ACEE-CAF6BFA9404C}"/>
              </a:ext>
            </a:extLst>
          </p:cNvPr>
          <p:cNvPicPr>
            <a:picLocks noChangeAspect="1"/>
          </p:cNvPicPr>
          <p:nvPr userDrawn="1"/>
        </p:nvPicPr>
        <p:blipFill>
          <a:blip r:embed="rId5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7517" y="431617"/>
            <a:ext cx="821524" cy="696339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768F5E9F-A37F-4244-A1FD-705A898F7F45}"/>
              </a:ext>
            </a:extLst>
          </p:cNvPr>
          <p:cNvPicPr>
            <a:picLocks noChangeAspect="1"/>
          </p:cNvPicPr>
          <p:nvPr userDrawn="1"/>
        </p:nvPicPr>
        <p:blipFill>
          <a:blip r:embed="rId6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3668" y="6242935"/>
            <a:ext cx="231755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170436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703" r:id="rId2"/>
    <p:sldLayoutId id="2147483778" r:id="rId3"/>
    <p:sldLayoutId id="2147483780" r:id="rId4"/>
    <p:sldLayoutId id="2147483779" r:id="rId5"/>
    <p:sldLayoutId id="2147483782" r:id="rId6"/>
    <p:sldLayoutId id="2147483781" r:id="rId7"/>
    <p:sldLayoutId id="2147483777" r:id="rId8"/>
    <p:sldLayoutId id="2147483783" r:id="rId9"/>
    <p:sldLayoutId id="2147483784" r:id="rId10"/>
    <p:sldLayoutId id="2147483786" r:id="rId11"/>
    <p:sldLayoutId id="2147483785" r:id="rId12"/>
    <p:sldLayoutId id="2147483788" r:id="rId13"/>
    <p:sldLayoutId id="2147483787" r:id="rId14"/>
    <p:sldLayoutId id="2147483650" r:id="rId15"/>
    <p:sldLayoutId id="2147483764" r:id="rId16"/>
    <p:sldLayoutId id="2147483713" r:id="rId17"/>
    <p:sldLayoutId id="2147483765" r:id="rId18"/>
    <p:sldLayoutId id="2147483652" r:id="rId19"/>
    <p:sldLayoutId id="2147483718" r:id="rId20"/>
    <p:sldLayoutId id="2147483651" r:id="rId21"/>
    <p:sldLayoutId id="2147483708" r:id="rId22"/>
    <p:sldLayoutId id="2147483734" r:id="rId23"/>
    <p:sldLayoutId id="2147483712" r:id="rId24"/>
    <p:sldLayoutId id="2147483735" r:id="rId25"/>
    <p:sldLayoutId id="2147483720" r:id="rId26"/>
    <p:sldLayoutId id="2147483736" r:id="rId27"/>
    <p:sldLayoutId id="2147483655" r:id="rId28"/>
    <p:sldLayoutId id="2147483802" r:id="rId29"/>
    <p:sldLayoutId id="2147483726" r:id="rId30"/>
    <p:sldLayoutId id="2147483727" r:id="rId31"/>
    <p:sldLayoutId id="2147483670" r:id="rId32"/>
    <p:sldLayoutId id="2147483737" r:id="rId33"/>
    <p:sldLayoutId id="2147483702" r:id="rId34"/>
    <p:sldLayoutId id="2147483738" r:id="rId35"/>
    <p:sldLayoutId id="2147483721" r:id="rId36"/>
    <p:sldLayoutId id="2147483739" r:id="rId37"/>
    <p:sldLayoutId id="2147483767" r:id="rId38"/>
    <p:sldLayoutId id="2147483770" r:id="rId39"/>
    <p:sldLayoutId id="2147483772" r:id="rId40"/>
    <p:sldLayoutId id="2147483789" r:id="rId41"/>
    <p:sldLayoutId id="2147483790" r:id="rId42"/>
    <p:sldLayoutId id="2147483791" r:id="rId43"/>
    <p:sldLayoutId id="2147483656" r:id="rId44"/>
    <p:sldLayoutId id="2147483657" r:id="rId45"/>
    <p:sldLayoutId id="2147483803" r:id="rId46"/>
    <p:sldLayoutId id="2147483804" r:id="rId47"/>
    <p:sldLayoutId id="2147483805" r:id="rId48"/>
    <p:sldLayoutId id="2147483806" r:id="rId49"/>
    <p:sldLayoutId id="2147483807" r:id="rId50"/>
    <p:sldLayoutId id="2147483808" r:id="rId51"/>
    <p:sldLayoutId id="2147483658" r:id="rId52"/>
    <p:sldLayoutId id="2147483659" r:id="rId53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 spc="0">
          <a:solidFill>
            <a:schemeClr val="tx1"/>
          </a:solidFill>
          <a:latin typeface="Poppins ExtraBold" panose="00000900000000000000" pitchFamily="2" charset="0"/>
          <a:ea typeface="+mj-ea"/>
          <a:cs typeface="Poppins ExtraBold" panose="00000900000000000000" pitchFamily="2" charset="0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b="0" kern="1200">
          <a:solidFill>
            <a:schemeClr val="tx1"/>
          </a:solidFill>
          <a:latin typeface="Poppins ExtraLight" panose="00000300000000000000" pitchFamily="2" charset="0"/>
          <a:ea typeface="+mn-ea"/>
          <a:cs typeface="Poppins ExtraLight" panose="00000300000000000000" pitchFamily="2" charset="0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Poppins ExtraLight" panose="00000300000000000000" pitchFamily="2" charset="0"/>
          <a:ea typeface="+mn-ea"/>
          <a:cs typeface="Poppins ExtraLight" panose="00000300000000000000" pitchFamily="2" charset="0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Poppins ExtraLight" panose="00000300000000000000" pitchFamily="2" charset="0"/>
          <a:ea typeface="+mn-ea"/>
          <a:cs typeface="Poppins ExtraLight" panose="00000300000000000000" pitchFamily="2" charset="0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Poppins ExtraLight" panose="00000300000000000000" pitchFamily="2" charset="0"/>
          <a:ea typeface="+mn-ea"/>
          <a:cs typeface="Poppins ExtraLight" panose="00000300000000000000" pitchFamily="2" charset="0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Poppins ExtraLight" panose="00000300000000000000" pitchFamily="2" charset="0"/>
          <a:ea typeface="+mn-ea"/>
          <a:cs typeface="Poppins ExtraLight" panose="00000300000000000000" pitchFamily="2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i-FI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79F92766-BE37-4D8F-AB73-23E3D40E89D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4"/>
            </p:custDataLst>
            <p:extLst>
              <p:ext uri="{D42A27DB-BD31-4B8C-83A1-F6EECF244321}">
                <p14:modId xmlns:p14="http://schemas.microsoft.com/office/powerpoint/2010/main" val="282943351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50" name="think-cell Slide" r:id="rId15" imgW="395" imgH="394" progId="TCLayout.ActiveDocument.1">
                  <p:embed/>
                </p:oleObj>
              </mc:Choice>
              <mc:Fallback>
                <p:oleObj name="think-cell Slide" r:id="rId15" imgW="395" imgH="394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79F92766-BE37-4D8F-AB73-23E3D40E89D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Rectangle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>
              <a:alpha val="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pic>
        <p:nvPicPr>
          <p:cNvPr id="3" name="Kuva 2"/>
          <p:cNvPicPr>
            <a:picLocks noChangeAspect="1"/>
          </p:cNvPicPr>
          <p:nvPr userDrawn="1"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08674" y="5418409"/>
            <a:ext cx="1748979" cy="11381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525756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12" r:id="rId1"/>
    <p:sldLayoutId id="2147483813" r:id="rId2"/>
    <p:sldLayoutId id="2147483814" r:id="rId3"/>
    <p:sldLayoutId id="2147483815" r:id="rId4"/>
    <p:sldLayoutId id="2147483816" r:id="rId5"/>
    <p:sldLayoutId id="2147483817" r:id="rId6"/>
    <p:sldLayoutId id="2147483818" r:id="rId7"/>
    <p:sldLayoutId id="2147483819" r:id="rId8"/>
    <p:sldLayoutId id="2147483820" r:id="rId9"/>
    <p:sldLayoutId id="2147483821" r:id="rId10"/>
    <p:sldLayoutId id="2147483822" r:id="rId11"/>
  </p:sldLayoutIdLst>
  <p:transition spd="slow">
    <p:push dir="u"/>
  </p:transition>
  <p:hf hdr="0" ftr="0"/>
  <p:txStyles>
    <p:titleStyle>
      <a:lvl1pPr algn="l" defTabSz="609478" rtl="0" eaLnBrk="1" latinLnBrk="0" hangingPunct="1">
        <a:lnSpc>
          <a:spcPct val="90000"/>
        </a:lnSpc>
        <a:spcBef>
          <a:spcPct val="0"/>
        </a:spcBef>
        <a:buNone/>
        <a:defRPr sz="2933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52370" indent="-152370" algn="l" defTabSz="609478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1866" kern="1200">
          <a:solidFill>
            <a:schemeClr val="tx1"/>
          </a:solidFill>
          <a:latin typeface="+mn-lt"/>
          <a:ea typeface="+mn-ea"/>
          <a:cs typeface="+mn-cs"/>
        </a:defRPr>
      </a:lvl1pPr>
      <a:lvl2pPr marL="457108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761848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333" kern="1200">
          <a:solidFill>
            <a:schemeClr val="tx1"/>
          </a:solidFill>
          <a:latin typeface="+mn-lt"/>
          <a:ea typeface="+mn-ea"/>
          <a:cs typeface="+mn-cs"/>
        </a:defRPr>
      </a:lvl3pPr>
      <a:lvl4pPr marL="1066587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326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676064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980804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2285543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2590282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1pPr>
      <a:lvl2pPr marL="304740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2pPr>
      <a:lvl3pPr marL="609478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914218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1218956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523696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828434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2133174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2437912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79F92766-BE37-4D8F-AB73-23E3D40E89D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4"/>
            </p:custDataLst>
            <p:extLst>
              <p:ext uri="{D42A27DB-BD31-4B8C-83A1-F6EECF244321}">
                <p14:modId xmlns:p14="http://schemas.microsoft.com/office/powerpoint/2010/main" val="297788121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74" name="think-cell Slide" r:id="rId15" imgW="395" imgH="394" progId="TCLayout.ActiveDocument.1">
                  <p:embed/>
                </p:oleObj>
              </mc:Choice>
              <mc:Fallback>
                <p:oleObj name="think-cell Slide" r:id="rId15" imgW="395" imgH="394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79F92766-BE37-4D8F-AB73-23E3D40E89D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Rectangle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>
              <a:alpha val="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pic>
        <p:nvPicPr>
          <p:cNvPr id="3" name="Kuva 2"/>
          <p:cNvPicPr>
            <a:picLocks noChangeAspect="1"/>
          </p:cNvPicPr>
          <p:nvPr userDrawn="1"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08674" y="5418409"/>
            <a:ext cx="1748979" cy="11381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162057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4" r:id="rId1"/>
    <p:sldLayoutId id="2147483825" r:id="rId2"/>
    <p:sldLayoutId id="2147483826" r:id="rId3"/>
    <p:sldLayoutId id="2147483827" r:id="rId4"/>
    <p:sldLayoutId id="2147483828" r:id="rId5"/>
    <p:sldLayoutId id="2147483829" r:id="rId6"/>
    <p:sldLayoutId id="2147483830" r:id="rId7"/>
    <p:sldLayoutId id="2147483831" r:id="rId8"/>
    <p:sldLayoutId id="2147483832" r:id="rId9"/>
    <p:sldLayoutId id="2147483833" r:id="rId10"/>
    <p:sldLayoutId id="2147483834" r:id="rId11"/>
  </p:sldLayoutIdLst>
  <p:transition spd="slow">
    <p:push dir="u"/>
  </p:transition>
  <p:hf hdr="0" ftr="0"/>
  <p:txStyles>
    <p:titleStyle>
      <a:lvl1pPr algn="l" defTabSz="609478" rtl="0" eaLnBrk="1" latinLnBrk="0" hangingPunct="1">
        <a:lnSpc>
          <a:spcPct val="90000"/>
        </a:lnSpc>
        <a:spcBef>
          <a:spcPct val="0"/>
        </a:spcBef>
        <a:buNone/>
        <a:defRPr sz="2933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52370" indent="-152370" algn="l" defTabSz="609478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1866" kern="1200">
          <a:solidFill>
            <a:schemeClr val="tx1"/>
          </a:solidFill>
          <a:latin typeface="+mn-lt"/>
          <a:ea typeface="+mn-ea"/>
          <a:cs typeface="+mn-cs"/>
        </a:defRPr>
      </a:lvl1pPr>
      <a:lvl2pPr marL="457108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761848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333" kern="1200">
          <a:solidFill>
            <a:schemeClr val="tx1"/>
          </a:solidFill>
          <a:latin typeface="+mn-lt"/>
          <a:ea typeface="+mn-ea"/>
          <a:cs typeface="+mn-cs"/>
        </a:defRPr>
      </a:lvl3pPr>
      <a:lvl4pPr marL="1066587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326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676064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980804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2285543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2590282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1pPr>
      <a:lvl2pPr marL="304740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2pPr>
      <a:lvl3pPr marL="609478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914218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1218956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523696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828434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2133174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2437912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79F92766-BE37-4D8F-AB73-23E3D40E89D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4"/>
            </p:custDataLst>
            <p:extLst>
              <p:ext uri="{D42A27DB-BD31-4B8C-83A1-F6EECF244321}">
                <p14:modId xmlns:p14="http://schemas.microsoft.com/office/powerpoint/2010/main" val="154674088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098" name="think-cell Slide" r:id="rId15" imgW="395" imgH="394" progId="TCLayout.ActiveDocument.1">
                  <p:embed/>
                </p:oleObj>
              </mc:Choice>
              <mc:Fallback>
                <p:oleObj name="think-cell Slide" r:id="rId15" imgW="395" imgH="394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79F92766-BE37-4D8F-AB73-23E3D40E89D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Rectangle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>
              <a:alpha val="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pic>
        <p:nvPicPr>
          <p:cNvPr id="3" name="Kuva 2"/>
          <p:cNvPicPr>
            <a:picLocks noChangeAspect="1"/>
          </p:cNvPicPr>
          <p:nvPr userDrawn="1"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08674" y="5418409"/>
            <a:ext cx="1748979" cy="11381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7104646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6" r:id="rId1"/>
    <p:sldLayoutId id="2147483837" r:id="rId2"/>
    <p:sldLayoutId id="2147483838" r:id="rId3"/>
    <p:sldLayoutId id="2147483839" r:id="rId4"/>
    <p:sldLayoutId id="2147483840" r:id="rId5"/>
    <p:sldLayoutId id="2147483841" r:id="rId6"/>
    <p:sldLayoutId id="2147483842" r:id="rId7"/>
    <p:sldLayoutId id="2147483843" r:id="rId8"/>
    <p:sldLayoutId id="2147483844" r:id="rId9"/>
    <p:sldLayoutId id="2147483845" r:id="rId10"/>
    <p:sldLayoutId id="2147483846" r:id="rId11"/>
  </p:sldLayoutIdLst>
  <p:transition spd="slow">
    <p:push dir="u"/>
  </p:transition>
  <p:hf hdr="0" ftr="0"/>
  <p:txStyles>
    <p:titleStyle>
      <a:lvl1pPr algn="l" defTabSz="609478" rtl="0" eaLnBrk="1" latinLnBrk="0" hangingPunct="1">
        <a:lnSpc>
          <a:spcPct val="90000"/>
        </a:lnSpc>
        <a:spcBef>
          <a:spcPct val="0"/>
        </a:spcBef>
        <a:buNone/>
        <a:defRPr sz="2933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52370" indent="-152370" algn="l" defTabSz="609478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1866" kern="1200">
          <a:solidFill>
            <a:schemeClr val="tx1"/>
          </a:solidFill>
          <a:latin typeface="+mn-lt"/>
          <a:ea typeface="+mn-ea"/>
          <a:cs typeface="+mn-cs"/>
        </a:defRPr>
      </a:lvl1pPr>
      <a:lvl2pPr marL="457108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761848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333" kern="1200">
          <a:solidFill>
            <a:schemeClr val="tx1"/>
          </a:solidFill>
          <a:latin typeface="+mn-lt"/>
          <a:ea typeface="+mn-ea"/>
          <a:cs typeface="+mn-cs"/>
        </a:defRPr>
      </a:lvl3pPr>
      <a:lvl4pPr marL="1066587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326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676064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980804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2285543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2590282" indent="-152370" algn="l" defTabSz="609478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1pPr>
      <a:lvl2pPr marL="304740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2pPr>
      <a:lvl3pPr marL="609478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914218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1218956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523696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828434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2133174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2437912" algn="l" defTabSz="609478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79F92766-BE37-4D8F-AB73-23E3D40E89D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5"/>
            </p:custDataLst>
            <p:extLst>
              <p:ext uri="{D42A27DB-BD31-4B8C-83A1-F6EECF244321}">
                <p14:modId xmlns:p14="http://schemas.microsoft.com/office/powerpoint/2010/main" val="410266698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22" name="think-cell Slide" r:id="rId16" imgW="395" imgH="394" progId="TCLayout.ActiveDocument.1">
                  <p:embed/>
                </p:oleObj>
              </mc:Choice>
              <mc:Fallback>
                <p:oleObj name="think-cell Slide" r:id="rId16" imgW="395" imgH="394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79F92766-BE37-4D8F-AB73-23E3D40E89D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Rectangle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>
              <a:alpha val="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pic>
        <p:nvPicPr>
          <p:cNvPr id="3" name="Kuva 2"/>
          <p:cNvPicPr>
            <a:picLocks noChangeAspect="1"/>
          </p:cNvPicPr>
          <p:nvPr userDrawn="1"/>
        </p:nvPicPr>
        <p:blipFill>
          <a:blip r:embed="rId1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08673" y="5418409"/>
            <a:ext cx="1748979" cy="11381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488667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48" r:id="rId1"/>
    <p:sldLayoutId id="2147483849" r:id="rId2"/>
    <p:sldLayoutId id="2147483850" r:id="rId3"/>
    <p:sldLayoutId id="2147483851" r:id="rId4"/>
    <p:sldLayoutId id="2147483852" r:id="rId5"/>
    <p:sldLayoutId id="2147483853" r:id="rId6"/>
    <p:sldLayoutId id="2147483854" r:id="rId7"/>
    <p:sldLayoutId id="2147483855" r:id="rId8"/>
    <p:sldLayoutId id="2147483856" r:id="rId9"/>
    <p:sldLayoutId id="2147483857" r:id="rId10"/>
    <p:sldLayoutId id="2147483858" r:id="rId11"/>
    <p:sldLayoutId id="2147483859" r:id="rId12"/>
  </p:sldLayoutIdLst>
  <p:transition spd="slow">
    <p:push dir="u"/>
  </p:transition>
  <p:hf hdr="0" ftr="0"/>
  <p:txStyles>
    <p:titleStyle>
      <a:lvl1pPr algn="l" defTabSz="609539" rtl="0" eaLnBrk="1" latinLnBrk="0" hangingPunct="1">
        <a:lnSpc>
          <a:spcPct val="90000"/>
        </a:lnSpc>
        <a:spcBef>
          <a:spcPct val="0"/>
        </a:spcBef>
        <a:buNone/>
        <a:defRPr sz="2933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52385" indent="-152385" algn="l" defTabSz="609539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1866" kern="1200">
          <a:solidFill>
            <a:schemeClr val="tx1"/>
          </a:solidFill>
          <a:latin typeface="+mn-lt"/>
          <a:ea typeface="+mn-ea"/>
          <a:cs typeface="+mn-cs"/>
        </a:defRPr>
      </a:lvl1pPr>
      <a:lvl2pPr marL="457154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761924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333" kern="1200">
          <a:solidFill>
            <a:schemeClr val="tx1"/>
          </a:solidFill>
          <a:latin typeface="+mn-lt"/>
          <a:ea typeface="+mn-ea"/>
          <a:cs typeface="+mn-cs"/>
        </a:defRPr>
      </a:lvl3pPr>
      <a:lvl4pPr marL="1066693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463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676232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981002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2285771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2590541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1pPr>
      <a:lvl2pPr marL="304770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2pPr>
      <a:lvl3pPr marL="609539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914309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1219078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523848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828617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2133387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2438156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79F92766-BE37-4D8F-AB73-23E3D40E89D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5"/>
            </p:custDataLst>
            <p:extLst>
              <p:ext uri="{D42A27DB-BD31-4B8C-83A1-F6EECF244321}">
                <p14:modId xmlns:p14="http://schemas.microsoft.com/office/powerpoint/2010/main" val="139097680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146" name="think-cell Slide" r:id="rId16" imgW="395" imgH="394" progId="TCLayout.ActiveDocument.1">
                  <p:embed/>
                </p:oleObj>
              </mc:Choice>
              <mc:Fallback>
                <p:oleObj name="think-cell Slide" r:id="rId16" imgW="395" imgH="394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79F92766-BE37-4D8F-AB73-23E3D40E89D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Rectangle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>
              <a:alpha val="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pic>
        <p:nvPicPr>
          <p:cNvPr id="3" name="Kuva 2"/>
          <p:cNvPicPr>
            <a:picLocks noChangeAspect="1"/>
          </p:cNvPicPr>
          <p:nvPr userDrawn="1"/>
        </p:nvPicPr>
        <p:blipFill>
          <a:blip r:embed="rId1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08673" y="5418409"/>
            <a:ext cx="1748979" cy="11381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795695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61" r:id="rId1"/>
    <p:sldLayoutId id="2147483862" r:id="rId2"/>
    <p:sldLayoutId id="2147483863" r:id="rId3"/>
    <p:sldLayoutId id="2147483864" r:id="rId4"/>
    <p:sldLayoutId id="2147483865" r:id="rId5"/>
    <p:sldLayoutId id="2147483866" r:id="rId6"/>
    <p:sldLayoutId id="2147483867" r:id="rId7"/>
    <p:sldLayoutId id="2147483868" r:id="rId8"/>
    <p:sldLayoutId id="2147483869" r:id="rId9"/>
    <p:sldLayoutId id="2147483870" r:id="rId10"/>
    <p:sldLayoutId id="2147483871" r:id="rId11"/>
    <p:sldLayoutId id="2147483872" r:id="rId12"/>
  </p:sldLayoutIdLst>
  <p:transition spd="slow">
    <p:push dir="u"/>
  </p:transition>
  <p:hf hdr="0" ftr="0"/>
  <p:txStyles>
    <p:titleStyle>
      <a:lvl1pPr algn="l" defTabSz="609539" rtl="0" eaLnBrk="1" latinLnBrk="0" hangingPunct="1">
        <a:lnSpc>
          <a:spcPct val="90000"/>
        </a:lnSpc>
        <a:spcBef>
          <a:spcPct val="0"/>
        </a:spcBef>
        <a:buNone/>
        <a:defRPr sz="2933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52385" indent="-152385" algn="l" defTabSz="609539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1866" kern="1200">
          <a:solidFill>
            <a:schemeClr val="tx1"/>
          </a:solidFill>
          <a:latin typeface="+mn-lt"/>
          <a:ea typeface="+mn-ea"/>
          <a:cs typeface="+mn-cs"/>
        </a:defRPr>
      </a:lvl1pPr>
      <a:lvl2pPr marL="457154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761924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333" kern="1200">
          <a:solidFill>
            <a:schemeClr val="tx1"/>
          </a:solidFill>
          <a:latin typeface="+mn-lt"/>
          <a:ea typeface="+mn-ea"/>
          <a:cs typeface="+mn-cs"/>
        </a:defRPr>
      </a:lvl3pPr>
      <a:lvl4pPr marL="1066693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463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676232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981002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2285771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2590541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1pPr>
      <a:lvl2pPr marL="304770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2pPr>
      <a:lvl3pPr marL="609539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914309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1219078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523848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828617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2133387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2438156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79F92766-BE37-4D8F-AB73-23E3D40E89D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5"/>
            </p:custDataLst>
            <p:extLst>
              <p:ext uri="{D42A27DB-BD31-4B8C-83A1-F6EECF244321}">
                <p14:modId xmlns:p14="http://schemas.microsoft.com/office/powerpoint/2010/main" val="75143666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170" name="think-cell Slide" r:id="rId16" imgW="395" imgH="394" progId="TCLayout.ActiveDocument.1">
                  <p:embed/>
                </p:oleObj>
              </mc:Choice>
              <mc:Fallback>
                <p:oleObj name="think-cell Slide" r:id="rId16" imgW="395" imgH="394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79F92766-BE37-4D8F-AB73-23E3D40E89D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Rectangle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>
              <a:alpha val="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pic>
        <p:nvPicPr>
          <p:cNvPr id="3" name="Kuva 2"/>
          <p:cNvPicPr>
            <a:picLocks noChangeAspect="1"/>
          </p:cNvPicPr>
          <p:nvPr userDrawn="1"/>
        </p:nvPicPr>
        <p:blipFill>
          <a:blip r:embed="rId1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08673" y="5418409"/>
            <a:ext cx="1748979" cy="11381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0400974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4" r:id="rId1"/>
    <p:sldLayoutId id="2147483875" r:id="rId2"/>
    <p:sldLayoutId id="2147483876" r:id="rId3"/>
    <p:sldLayoutId id="2147483877" r:id="rId4"/>
    <p:sldLayoutId id="2147483878" r:id="rId5"/>
    <p:sldLayoutId id="2147483879" r:id="rId6"/>
    <p:sldLayoutId id="2147483880" r:id="rId7"/>
    <p:sldLayoutId id="2147483881" r:id="rId8"/>
    <p:sldLayoutId id="2147483882" r:id="rId9"/>
    <p:sldLayoutId id="2147483883" r:id="rId10"/>
    <p:sldLayoutId id="2147483884" r:id="rId11"/>
    <p:sldLayoutId id="2147483885" r:id="rId12"/>
  </p:sldLayoutIdLst>
  <p:transition spd="slow">
    <p:push dir="u"/>
  </p:transition>
  <p:hf hdr="0" ftr="0"/>
  <p:txStyles>
    <p:titleStyle>
      <a:lvl1pPr algn="l" defTabSz="609539" rtl="0" eaLnBrk="1" latinLnBrk="0" hangingPunct="1">
        <a:lnSpc>
          <a:spcPct val="90000"/>
        </a:lnSpc>
        <a:spcBef>
          <a:spcPct val="0"/>
        </a:spcBef>
        <a:buNone/>
        <a:defRPr sz="2933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52385" indent="-152385" algn="l" defTabSz="609539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1866" kern="1200">
          <a:solidFill>
            <a:schemeClr val="tx1"/>
          </a:solidFill>
          <a:latin typeface="+mn-lt"/>
          <a:ea typeface="+mn-ea"/>
          <a:cs typeface="+mn-cs"/>
        </a:defRPr>
      </a:lvl1pPr>
      <a:lvl2pPr marL="457154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761924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333" kern="1200">
          <a:solidFill>
            <a:schemeClr val="tx1"/>
          </a:solidFill>
          <a:latin typeface="+mn-lt"/>
          <a:ea typeface="+mn-ea"/>
          <a:cs typeface="+mn-cs"/>
        </a:defRPr>
      </a:lvl3pPr>
      <a:lvl4pPr marL="1066693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463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676232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981002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2285771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2590541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1pPr>
      <a:lvl2pPr marL="304770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2pPr>
      <a:lvl3pPr marL="609539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914309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1219078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523848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828617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2133387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2438156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79F92766-BE37-4D8F-AB73-23E3D40E89D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5"/>
            </p:custDataLst>
            <p:extLst>
              <p:ext uri="{D42A27DB-BD31-4B8C-83A1-F6EECF244321}">
                <p14:modId xmlns:p14="http://schemas.microsoft.com/office/powerpoint/2010/main" val="18315066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194" name="think-cell Slide" r:id="rId16" imgW="395" imgH="394" progId="TCLayout.ActiveDocument.1">
                  <p:embed/>
                </p:oleObj>
              </mc:Choice>
              <mc:Fallback>
                <p:oleObj name="think-cell Slide" r:id="rId16" imgW="395" imgH="394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79F92766-BE37-4D8F-AB73-23E3D40E89D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Rectangle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>
              <a:alpha val="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pic>
        <p:nvPicPr>
          <p:cNvPr id="3" name="Kuva 2"/>
          <p:cNvPicPr>
            <a:picLocks noChangeAspect="1"/>
          </p:cNvPicPr>
          <p:nvPr userDrawn="1"/>
        </p:nvPicPr>
        <p:blipFill>
          <a:blip r:embed="rId1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08673" y="5418409"/>
            <a:ext cx="1748979" cy="11381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693145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87" r:id="rId1"/>
    <p:sldLayoutId id="2147483888" r:id="rId2"/>
    <p:sldLayoutId id="2147483889" r:id="rId3"/>
    <p:sldLayoutId id="2147483890" r:id="rId4"/>
    <p:sldLayoutId id="2147483891" r:id="rId5"/>
    <p:sldLayoutId id="2147483892" r:id="rId6"/>
    <p:sldLayoutId id="2147483893" r:id="rId7"/>
    <p:sldLayoutId id="2147483894" r:id="rId8"/>
    <p:sldLayoutId id="2147483895" r:id="rId9"/>
    <p:sldLayoutId id="2147483896" r:id="rId10"/>
    <p:sldLayoutId id="2147483897" r:id="rId11"/>
    <p:sldLayoutId id="2147483898" r:id="rId12"/>
  </p:sldLayoutIdLst>
  <p:transition spd="slow">
    <p:push dir="u"/>
  </p:transition>
  <p:hf hdr="0" ftr="0"/>
  <p:txStyles>
    <p:titleStyle>
      <a:lvl1pPr algn="l" defTabSz="609539" rtl="0" eaLnBrk="1" latinLnBrk="0" hangingPunct="1">
        <a:lnSpc>
          <a:spcPct val="90000"/>
        </a:lnSpc>
        <a:spcBef>
          <a:spcPct val="0"/>
        </a:spcBef>
        <a:buNone/>
        <a:defRPr sz="2933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52385" indent="-152385" algn="l" defTabSz="609539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1866" kern="1200">
          <a:solidFill>
            <a:schemeClr val="tx1"/>
          </a:solidFill>
          <a:latin typeface="+mn-lt"/>
          <a:ea typeface="+mn-ea"/>
          <a:cs typeface="+mn-cs"/>
        </a:defRPr>
      </a:lvl1pPr>
      <a:lvl2pPr marL="457154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761924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333" kern="1200">
          <a:solidFill>
            <a:schemeClr val="tx1"/>
          </a:solidFill>
          <a:latin typeface="+mn-lt"/>
          <a:ea typeface="+mn-ea"/>
          <a:cs typeface="+mn-cs"/>
        </a:defRPr>
      </a:lvl3pPr>
      <a:lvl4pPr marL="1066693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463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676232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981002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2285771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2590541" indent="-152385" algn="l" defTabSz="609539" rtl="0" eaLnBrk="1" latinLnBrk="0" hangingPunct="1">
        <a:lnSpc>
          <a:spcPct val="90000"/>
        </a:lnSpc>
        <a:spcBef>
          <a:spcPts val="333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1pPr>
      <a:lvl2pPr marL="304770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2pPr>
      <a:lvl3pPr marL="609539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914309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1219078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523848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828617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2133387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2438156" algn="l" defTabSz="609539" rtl="0" eaLnBrk="1" latinLnBrk="0" hangingPunct="1"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F5EA3D30-7FAC-406B-9DD1-8BCE0748A20E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57"/>
            </p:custDataLst>
            <p:extLst>
              <p:ext uri="{D42A27DB-BD31-4B8C-83A1-F6EECF244321}">
                <p14:modId xmlns:p14="http://schemas.microsoft.com/office/powerpoint/2010/main" val="424002871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218" name="think-cell Slide" r:id="rId58" imgW="592" imgH="591" progId="TCLayout.ActiveDocument.1">
                  <p:embed/>
                </p:oleObj>
              </mc:Choice>
              <mc:Fallback>
                <p:oleObj name="think-cell Slide" r:id="rId58" imgW="592" imgH="591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F5EA3D30-7FAC-406B-9DD1-8BCE0748A20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34675C3-A68A-494B-A887-BB4F9C59595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73668" y="487242"/>
            <a:ext cx="9569557" cy="61318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4F11B-CC2F-4841-B144-357C828B93C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73669" y="1299308"/>
            <a:ext cx="11205372" cy="472935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B16872D-DE43-4755-8211-BDAE2EE6B3B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9983495" y="6257748"/>
            <a:ext cx="107480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fld id="{316DA96C-9C5C-4D61-9DA6-02AD79FF6FCC}" type="datetime1">
              <a:rPr lang="fi-FI" smtClean="0"/>
              <a:t>8.3.2022</a:t>
            </a:fld>
            <a:endParaRPr lang="fi-FI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ED66FFF-A4FB-4489-9B49-5DDC688AAB1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75568" y="6257749"/>
            <a:ext cx="60347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fld id="{D5C7B8F6-2765-465B-BF52-D1DF320C1AE3}" type="slidenum">
              <a:rPr lang="fi-FI" smtClean="0"/>
              <a:pPr/>
              <a:t>‹#›</a:t>
            </a:fld>
            <a:endParaRPr lang="fi-FI"/>
          </a:p>
        </p:txBody>
      </p:sp>
      <p:sp>
        <p:nvSpPr>
          <p:cNvPr id="18" name="Footer Placeholder 4">
            <a:extLst>
              <a:ext uri="{FF2B5EF4-FFF2-40B4-BE49-F238E27FC236}">
                <a16:creationId xmlns:a16="http://schemas.microsoft.com/office/drawing/2014/main" id="{34F72BBA-3120-418C-94D3-114F2CB3192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715693" y="6257748"/>
            <a:ext cx="2050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  <a:latin typeface="Poppins SemiBold" panose="00000700000000000000" pitchFamily="2" charset="0"/>
                <a:cs typeface="Poppins SemiBold" panose="00000700000000000000" pitchFamily="2" charset="0"/>
              </a:defRPr>
            </a:lvl1pPr>
          </a:lstStyle>
          <a:p>
            <a:pPr algn="ctr"/>
            <a:endParaRPr lang="fi-FI"/>
          </a:p>
        </p:txBody>
      </p:sp>
      <p:pic>
        <p:nvPicPr>
          <p:cNvPr id="54" name="Picture 53">
            <a:extLst>
              <a:ext uri="{FF2B5EF4-FFF2-40B4-BE49-F238E27FC236}">
                <a16:creationId xmlns:a16="http://schemas.microsoft.com/office/drawing/2014/main" id="{B4A78410-7DAE-4BD5-ACEE-CAF6BFA9404C}"/>
              </a:ext>
            </a:extLst>
          </p:cNvPr>
          <p:cNvPicPr>
            <a:picLocks noChangeAspect="1"/>
          </p:cNvPicPr>
          <p:nvPr userDrawn="1"/>
        </p:nvPicPr>
        <p:blipFill>
          <a:blip r:embed="rId6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7517" y="431617"/>
            <a:ext cx="821524" cy="696339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768F5E9F-A37F-4244-A1FD-705A898F7F45}"/>
              </a:ext>
            </a:extLst>
          </p:cNvPr>
          <p:cNvPicPr>
            <a:picLocks noChangeAspect="1"/>
          </p:cNvPicPr>
          <p:nvPr userDrawn="1"/>
        </p:nvPicPr>
        <p:blipFill>
          <a:blip r:embed="rId6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3668" y="6242935"/>
            <a:ext cx="2317555" cy="379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9816316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85" r:id="rId1"/>
    <p:sldLayoutId id="2147484086" r:id="rId2"/>
    <p:sldLayoutId id="2147484087" r:id="rId3"/>
    <p:sldLayoutId id="2147484088" r:id="rId4"/>
    <p:sldLayoutId id="2147484089" r:id="rId5"/>
    <p:sldLayoutId id="2147484090" r:id="rId6"/>
    <p:sldLayoutId id="2147484091" r:id="rId7"/>
    <p:sldLayoutId id="2147484092" r:id="rId8"/>
    <p:sldLayoutId id="2147484093" r:id="rId9"/>
    <p:sldLayoutId id="2147484094" r:id="rId10"/>
    <p:sldLayoutId id="2147484095" r:id="rId11"/>
    <p:sldLayoutId id="2147484096" r:id="rId12"/>
    <p:sldLayoutId id="2147484097" r:id="rId13"/>
    <p:sldLayoutId id="2147484098" r:id="rId14"/>
    <p:sldLayoutId id="2147484099" r:id="rId15"/>
    <p:sldLayoutId id="2147484100" r:id="rId16"/>
    <p:sldLayoutId id="2147484101" r:id="rId17"/>
    <p:sldLayoutId id="2147484102" r:id="rId18"/>
    <p:sldLayoutId id="2147484103" r:id="rId19"/>
    <p:sldLayoutId id="2147484104" r:id="rId20"/>
    <p:sldLayoutId id="2147484105" r:id="rId21"/>
    <p:sldLayoutId id="2147484106" r:id="rId22"/>
    <p:sldLayoutId id="2147484107" r:id="rId23"/>
    <p:sldLayoutId id="2147484108" r:id="rId24"/>
    <p:sldLayoutId id="2147484109" r:id="rId25"/>
    <p:sldLayoutId id="2147484110" r:id="rId26"/>
    <p:sldLayoutId id="2147484111" r:id="rId27"/>
    <p:sldLayoutId id="2147484112" r:id="rId28"/>
    <p:sldLayoutId id="2147484113" r:id="rId29"/>
    <p:sldLayoutId id="2147484114" r:id="rId30"/>
    <p:sldLayoutId id="2147484115" r:id="rId31"/>
    <p:sldLayoutId id="2147484116" r:id="rId32"/>
    <p:sldLayoutId id="2147484117" r:id="rId33"/>
    <p:sldLayoutId id="2147484118" r:id="rId34"/>
    <p:sldLayoutId id="2147484119" r:id="rId35"/>
    <p:sldLayoutId id="2147484120" r:id="rId36"/>
    <p:sldLayoutId id="2147484121" r:id="rId37"/>
    <p:sldLayoutId id="2147484122" r:id="rId38"/>
    <p:sldLayoutId id="2147484123" r:id="rId39"/>
    <p:sldLayoutId id="2147484124" r:id="rId40"/>
    <p:sldLayoutId id="2147484125" r:id="rId41"/>
    <p:sldLayoutId id="2147484126" r:id="rId42"/>
    <p:sldLayoutId id="2147484127" r:id="rId43"/>
    <p:sldLayoutId id="2147484128" r:id="rId44"/>
    <p:sldLayoutId id="2147484129" r:id="rId45"/>
    <p:sldLayoutId id="2147484130" r:id="rId46"/>
    <p:sldLayoutId id="2147484131" r:id="rId47"/>
    <p:sldLayoutId id="2147484132" r:id="rId48"/>
    <p:sldLayoutId id="2147484133" r:id="rId49"/>
    <p:sldLayoutId id="2147484134" r:id="rId50"/>
    <p:sldLayoutId id="2147484135" r:id="rId51"/>
    <p:sldLayoutId id="2147484136" r:id="rId52"/>
    <p:sldLayoutId id="2147484137" r:id="rId53"/>
    <p:sldLayoutId id="2147484138" r:id="rId5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 spc="0">
          <a:solidFill>
            <a:schemeClr val="tx1"/>
          </a:solidFill>
          <a:latin typeface="Poppins ExtraBold" panose="00000900000000000000" pitchFamily="2" charset="0"/>
          <a:ea typeface="+mj-ea"/>
          <a:cs typeface="Poppins ExtraBold" panose="00000900000000000000" pitchFamily="2" charset="0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b="0" kern="1200">
          <a:solidFill>
            <a:schemeClr val="tx1"/>
          </a:solidFill>
          <a:latin typeface="Poppins ExtraLight" panose="00000300000000000000" pitchFamily="2" charset="0"/>
          <a:ea typeface="+mn-ea"/>
          <a:cs typeface="Poppins ExtraLight" panose="00000300000000000000" pitchFamily="2" charset="0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Poppins ExtraLight" panose="00000300000000000000" pitchFamily="2" charset="0"/>
          <a:ea typeface="+mn-ea"/>
          <a:cs typeface="Poppins ExtraLight" panose="00000300000000000000" pitchFamily="2" charset="0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Poppins ExtraLight" panose="00000300000000000000" pitchFamily="2" charset="0"/>
          <a:ea typeface="+mn-ea"/>
          <a:cs typeface="Poppins ExtraLight" panose="00000300000000000000" pitchFamily="2" charset="0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Poppins ExtraLight" panose="00000300000000000000" pitchFamily="2" charset="0"/>
          <a:ea typeface="+mn-ea"/>
          <a:cs typeface="Poppins ExtraLight" panose="00000300000000000000" pitchFamily="2" charset="0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Poppins ExtraLight" panose="00000300000000000000" pitchFamily="2" charset="0"/>
          <a:ea typeface="+mn-ea"/>
          <a:cs typeface="Poppins ExtraLight" panose="00000300000000000000" pitchFamily="2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i-FI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7.xml"/><Relationship Id="rId5" Type="http://schemas.openxmlformats.org/officeDocument/2006/relationships/image" Target="../media/image15.svg"/><Relationship Id="rId4" Type="http://schemas.openxmlformats.org/officeDocument/2006/relationships/image" Target="../media/image14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7.xml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slideLayout" Target="../slideLayouts/slideLayout17.xml"/><Relationship Id="rId1" Type="http://schemas.openxmlformats.org/officeDocument/2006/relationships/tags" Target="../tags/tag11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3" Type="http://schemas.openxmlformats.org/officeDocument/2006/relationships/image" Target="../media/image20.svg"/><Relationship Id="rId7" Type="http://schemas.openxmlformats.org/officeDocument/2006/relationships/image" Target="../media/image24.sv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23.png"/><Relationship Id="rId5" Type="http://schemas.openxmlformats.org/officeDocument/2006/relationships/image" Target="../media/image22.svg"/><Relationship Id="rId4" Type="http://schemas.openxmlformats.org/officeDocument/2006/relationships/image" Target="../media/image21.png"/><Relationship Id="rId9" Type="http://schemas.openxmlformats.org/officeDocument/2006/relationships/image" Target="../media/image26.sv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E30EAC1E-9630-4934-8BAC-8ADE23BD33A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8115" y="2000187"/>
            <a:ext cx="7900559" cy="2387600"/>
          </a:xfrm>
        </p:spPr>
        <p:txBody>
          <a:bodyPr>
            <a:normAutofit/>
          </a:bodyPr>
          <a:lstStyle/>
          <a:p>
            <a:r>
              <a:rPr lang="fi-FI" sz="4800" dirty="0"/>
              <a:t>Vantaan ja Keravan hyvinvointialueen strategiaprosessi</a:t>
            </a:r>
          </a:p>
        </p:txBody>
      </p:sp>
      <p:sp>
        <p:nvSpPr>
          <p:cNvPr id="5" name="Subtitle 4">
            <a:extLst>
              <a:ext uri="{FF2B5EF4-FFF2-40B4-BE49-F238E27FC236}">
                <a16:creationId xmlns:a16="http://schemas.microsoft.com/office/drawing/2014/main" id="{33F94203-F132-4D82-B147-CE51A733EE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48115" y="4712987"/>
            <a:ext cx="7407164" cy="1655762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fi-FI" dirty="0"/>
              <a:t>Aluehallitus</a:t>
            </a:r>
          </a:p>
          <a:p>
            <a:r>
              <a:rPr lang="fi-FI" dirty="0"/>
              <a:t>15.3.2022</a:t>
            </a:r>
          </a:p>
        </p:txBody>
      </p:sp>
      <p:sp>
        <p:nvSpPr>
          <p:cNvPr id="6" name="Date Placeholder 1">
            <a:extLst>
              <a:ext uri="{FF2B5EF4-FFF2-40B4-BE49-F238E27FC236}">
                <a16:creationId xmlns:a16="http://schemas.microsoft.com/office/drawing/2014/main" id="{3F81F511-02DD-45E7-9D6E-F3A09601B115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983495" y="6257748"/>
            <a:ext cx="1074804" cy="365125"/>
          </a:xfrm>
        </p:spPr>
        <p:txBody>
          <a:bodyPr/>
          <a:lstStyle/>
          <a:p>
            <a:fld id="{D4052BFA-D1B1-4F10-9C2D-643307B963F0}" type="datetime1">
              <a:rPr lang="fi-FI" smtClean="0"/>
              <a:t>8.3.2022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170219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73AAEC4F-35CD-4728-AAF9-5730761CBA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2</a:t>
            </a:fld>
            <a:endParaRPr lang="fi-FI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3F81ED81-D100-489F-B565-D3C0B9C28D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9445" y="499571"/>
            <a:ext cx="9394048" cy="334595"/>
          </a:xfrm>
        </p:spPr>
        <p:txBody>
          <a:bodyPr>
            <a:noAutofit/>
          </a:bodyPr>
          <a:lstStyle/>
          <a:p>
            <a:r>
              <a:rPr lang="fi-FI" sz="2400">
                <a:solidFill>
                  <a:srgbClr val="7030A0"/>
                </a:solidFill>
              </a:rPr>
              <a:t>Lainsäädännön edellyttämät strategiset ohjausasiakirjat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0840BF50-039D-44D0-BA43-38A5E63CAC03}"/>
              </a:ext>
            </a:extLst>
          </p:cNvPr>
          <p:cNvSpPr/>
          <p:nvPr/>
        </p:nvSpPr>
        <p:spPr bwMode="gray">
          <a:xfrm>
            <a:off x="589445" y="1153606"/>
            <a:ext cx="10936806" cy="285518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  <a:ln>
            <a:noFill/>
            <a:headEnd/>
            <a:tailEnd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</a:pPr>
            <a:r>
              <a:rPr lang="fi-FI" sz="1400" b="1">
                <a:solidFill>
                  <a:schemeClr val="tx1"/>
                </a:solidFill>
                <a:latin typeface="+mj-lt"/>
              </a:rPr>
              <a:t>Hyvinvointialuestrategia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55F64DA-07DD-4198-989C-8D5B73CCC50B}"/>
              </a:ext>
            </a:extLst>
          </p:cNvPr>
          <p:cNvSpPr txBox="1"/>
          <p:nvPr/>
        </p:nvSpPr>
        <p:spPr>
          <a:xfrm>
            <a:off x="589445" y="1476609"/>
            <a:ext cx="10936805" cy="63863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71450" indent="-1714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fi-FI" sz="1100" dirty="0"/>
              <a:t>Hyvinvointialueella on oltava strategia, jossa aluevaltuusto päättää </a:t>
            </a:r>
            <a:r>
              <a:rPr lang="fi-FI" sz="1100" u="sng" dirty="0"/>
              <a:t>hyvinvointialueen toiminnan ja talouden pitkän aikavälin tavoitteista</a:t>
            </a:r>
            <a:endParaRPr lang="fi-FI" sz="1100" dirty="0"/>
          </a:p>
          <a:p>
            <a:pPr marL="171450" indent="-1714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fi-FI" sz="1100" dirty="0">
                <a:solidFill>
                  <a:schemeClr val="tx1"/>
                </a:solidFill>
              </a:rPr>
              <a:t>Hyvinvointialueen strategiassa tulee ottaa huomioon: asukkaiden</a:t>
            </a:r>
            <a:r>
              <a:rPr lang="fi-FI" sz="1100" b="1" dirty="0">
                <a:solidFill>
                  <a:schemeClr val="tx1"/>
                </a:solidFill>
              </a:rPr>
              <a:t> </a:t>
            </a:r>
            <a:r>
              <a:rPr lang="fi-FI" sz="1100" dirty="0">
                <a:solidFill>
                  <a:schemeClr val="tx1"/>
                </a:solidFill>
              </a:rPr>
              <a:t>hyvinvoinnin edistäminen hyvinvointialueen tehtäväalalla;</a:t>
            </a:r>
            <a:r>
              <a:rPr lang="fi-FI" sz="1100" b="1" dirty="0">
                <a:solidFill>
                  <a:schemeClr val="tx1"/>
                </a:solidFill>
              </a:rPr>
              <a:t> </a:t>
            </a:r>
            <a:r>
              <a:rPr lang="fi-FI" sz="1100" dirty="0">
                <a:solidFill>
                  <a:schemeClr val="tx1"/>
                </a:solidFill>
              </a:rPr>
              <a:t>palvelujen järjestämistä ja tuottamista koskevat strategiset linjaukset; hyvinvointialueen tehtäviä koskevissa laeissa säädetyt palvelutavoitteet; </a:t>
            </a:r>
            <a:r>
              <a:rPr lang="fi-FI" sz="1100" dirty="0"/>
              <a:t>o</a:t>
            </a:r>
            <a:r>
              <a:rPr lang="fi-FI" sz="1100" dirty="0">
                <a:solidFill>
                  <a:schemeClr val="tx1"/>
                </a:solidFill>
              </a:rPr>
              <a:t>mistajapolitiikka; henkilöstöpolitiikka sekä asukkaiden osallistumis- ja vaikuttamismahdollisuudet</a:t>
            </a:r>
            <a:endParaRPr lang="fi-FI" sz="1100" dirty="0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11C1EFFD-147B-4B25-BCB0-37254754506D}"/>
              </a:ext>
            </a:extLst>
          </p:cNvPr>
          <p:cNvSpPr/>
          <p:nvPr/>
        </p:nvSpPr>
        <p:spPr bwMode="gray">
          <a:xfrm>
            <a:off x="589445" y="2206533"/>
            <a:ext cx="5330090" cy="225952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  <a:headEnd/>
            <a:tailE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</a:pPr>
            <a:r>
              <a:rPr lang="fi-FI" sz="1200" b="1">
                <a:solidFill>
                  <a:schemeClr val="tx1"/>
                </a:solidFill>
                <a:latin typeface="+mj-lt"/>
              </a:rPr>
              <a:t>Sote-palvelustrategia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90348A47-0E3B-4D3E-8F81-16C154ACA413}"/>
              </a:ext>
            </a:extLst>
          </p:cNvPr>
          <p:cNvSpPr/>
          <p:nvPr/>
        </p:nvSpPr>
        <p:spPr bwMode="gray">
          <a:xfrm>
            <a:off x="6215762" y="2206533"/>
            <a:ext cx="5310489" cy="225952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  <a:headEnd/>
            <a:tailE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</a:pPr>
            <a:r>
              <a:rPr lang="fi-FI" sz="1200" b="1">
                <a:solidFill>
                  <a:schemeClr val="tx1"/>
                </a:solidFill>
                <a:latin typeface="+mj-lt"/>
              </a:rPr>
              <a:t>Pelastustoimen palvelutasopäätö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D7735644-9E4E-4503-A0E2-474E421B6F3D}"/>
              </a:ext>
            </a:extLst>
          </p:cNvPr>
          <p:cNvSpPr txBox="1"/>
          <p:nvPr/>
        </p:nvSpPr>
        <p:spPr>
          <a:xfrm>
            <a:off x="589445" y="2419060"/>
            <a:ext cx="5506554" cy="139268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71450" indent="-1714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fi-FI" sz="1100" dirty="0">
                <a:solidFill>
                  <a:prstClr val="black"/>
                </a:solidFill>
              </a:rPr>
              <a:t>Alueen laadittava taloutensa ja toimintansa suunnittelua ja johtamista varten palvelustrategia osana hyvinvointialuestrategiaa</a:t>
            </a:r>
          </a:p>
          <a:p>
            <a:pPr marL="171450" indent="-1714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fi-FI" sz="1100" dirty="0">
                <a:solidFill>
                  <a:prstClr val="black"/>
                </a:solidFill>
              </a:rPr>
              <a:t>Palvelustrategiassa hyvinvointialue päättää järjestämisvastuulleen kuuluvan </a:t>
            </a:r>
            <a:r>
              <a:rPr lang="fi-FI" sz="1100" u="sng" dirty="0">
                <a:solidFill>
                  <a:prstClr val="black"/>
                </a:solidFill>
              </a:rPr>
              <a:t>sosiaali- ja terveydenhuollon pitkän aikavälin tavoitteet </a:t>
            </a:r>
            <a:r>
              <a:rPr lang="fi-FI" sz="1100" dirty="0">
                <a:solidFill>
                  <a:prstClr val="black"/>
                </a:solidFill>
              </a:rPr>
              <a:t>sekä</a:t>
            </a:r>
          </a:p>
          <a:p>
            <a:pPr marL="171450" indent="-1714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fi-FI" sz="1100" dirty="0">
                <a:solidFill>
                  <a:prstClr val="black"/>
                </a:solidFill>
              </a:rPr>
              <a:t>tavoitteet sille, </a:t>
            </a:r>
            <a:r>
              <a:rPr lang="fi-FI" sz="1100" u="sng" dirty="0">
                <a:solidFill>
                  <a:prstClr val="black"/>
                </a:solidFill>
              </a:rPr>
              <a:t>miten</a:t>
            </a:r>
            <a:r>
              <a:rPr lang="fi-FI" sz="1100" dirty="0">
                <a:solidFill>
                  <a:prstClr val="black"/>
                </a:solidFill>
              </a:rPr>
              <a:t> palvelut toteutetaan ottaen huomioon asukkaiden tarpeet, paikalliset olosuhteet, palvelujen saatavuus ja saavutettavuus sekä kustannusvaikuttavuus</a:t>
            </a:r>
          </a:p>
          <a:p>
            <a:pPr marL="171450" indent="-171450">
              <a:spcAft>
                <a:spcPts val="300"/>
              </a:spcAft>
              <a:buFont typeface="Arial" panose="020B0604020202020204" pitchFamily="34" charset="0"/>
              <a:buChar char="•"/>
            </a:pPr>
            <a:endParaRPr lang="fi-FI" sz="1100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0948D964-03BA-4CC8-9A24-D0FBAE9EA71B}"/>
              </a:ext>
            </a:extLst>
          </p:cNvPr>
          <p:cNvSpPr txBox="1"/>
          <p:nvPr/>
        </p:nvSpPr>
        <p:spPr>
          <a:xfrm>
            <a:off x="6232964" y="2452461"/>
            <a:ext cx="5310489" cy="101566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71450" indent="-1714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fi-FI" sz="1100">
                <a:solidFill>
                  <a:prstClr val="black"/>
                </a:solidFill>
              </a:rPr>
              <a:t>Aluevaltuusto päättää pelastustoimen palvelutasosta</a:t>
            </a:r>
          </a:p>
          <a:p>
            <a:pPr marL="171450" indent="-1714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fi-FI" sz="1100">
                <a:solidFill>
                  <a:prstClr val="black"/>
                </a:solidFill>
              </a:rPr>
              <a:t>Otettava huomioon kansallisesti merkittävät riskit, selvitettävä alueella esiintyvät uhkat ja arvioitava niistä aiheutuvat riskit sekä määriteltävä toiminnan tavoitteet, käytettävät voimavarat, tuotettavat palvelut ja niiden taso. </a:t>
            </a:r>
          </a:p>
          <a:p>
            <a:pPr marL="171450" indent="-1714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fi-FI" sz="1100">
                <a:solidFill>
                  <a:prstClr val="black"/>
                </a:solidFill>
              </a:rPr>
              <a:t>Huomioitava valtioneuvoston vahvistamat valtakunnalliset strategiset tavoitteet.</a:t>
            </a:r>
            <a:endParaRPr lang="fi-FI" sz="1100" b="1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4334023B-55DA-4462-83C8-EE80AB3C1188}"/>
              </a:ext>
            </a:extLst>
          </p:cNvPr>
          <p:cNvSpPr/>
          <p:nvPr/>
        </p:nvSpPr>
        <p:spPr bwMode="gray">
          <a:xfrm>
            <a:off x="589445" y="3768408"/>
            <a:ext cx="5330089" cy="238074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>
            <a:noFill/>
            <a:headEnd/>
            <a:tailEnd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wrap="square" lIns="36000" tIns="88900" rIns="36000" bIns="88900" rtlCol="0" anchor="ctr"/>
          <a:lstStyle/>
          <a:p>
            <a:pPr algn="ctr">
              <a:lnSpc>
                <a:spcPct val="106000"/>
              </a:lnSpc>
            </a:pPr>
            <a:r>
              <a:rPr lang="fi-FI" sz="1200" b="1">
                <a:solidFill>
                  <a:schemeClr val="bg1"/>
                </a:solidFill>
                <a:latin typeface="+mj-lt"/>
              </a:rPr>
              <a:t>     </a:t>
            </a:r>
            <a:r>
              <a:rPr lang="fi-FI" sz="1200" b="1">
                <a:solidFill>
                  <a:schemeClr val="tx1"/>
                </a:solidFill>
                <a:latin typeface="+mj-lt"/>
              </a:rPr>
              <a:t>Talousarvio ja -suunnitelma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063DE173-B459-43C3-93FF-154A71C6521C}"/>
              </a:ext>
            </a:extLst>
          </p:cNvPr>
          <p:cNvSpPr/>
          <p:nvPr/>
        </p:nvSpPr>
        <p:spPr bwMode="gray">
          <a:xfrm>
            <a:off x="6215762" y="3768407"/>
            <a:ext cx="5310489" cy="238074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  <a:headEnd/>
            <a:tailEnd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wrap="square" lIns="36000" tIns="88900" rIns="36000" bIns="88900" rtlCol="0" anchor="ctr"/>
          <a:lstStyle/>
          <a:p>
            <a:pPr algn="ctr">
              <a:lnSpc>
                <a:spcPct val="106000"/>
              </a:lnSpc>
            </a:pPr>
            <a:r>
              <a:rPr lang="fi-FI" sz="1200" b="1">
                <a:solidFill>
                  <a:schemeClr val="tx1"/>
                </a:solidFill>
                <a:latin typeface="+mj-lt"/>
              </a:rPr>
              <a:t>Investointisuunnitelma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4D02C60D-7E83-4213-8355-60CB293FC1D2}"/>
              </a:ext>
            </a:extLst>
          </p:cNvPr>
          <p:cNvSpPr txBox="1"/>
          <p:nvPr/>
        </p:nvSpPr>
        <p:spPr>
          <a:xfrm>
            <a:off x="589445" y="4027220"/>
            <a:ext cx="5386793" cy="101566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71450" indent="-1714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fi-FI" sz="1100"/>
              <a:t>Hyvinvointialueelle tehtävä vuosittainen talousarvio, jossa kuvataan hyvinvointialueen </a:t>
            </a:r>
            <a:r>
              <a:rPr lang="fi-FI" sz="1100" u="sng"/>
              <a:t>vuotuiset toiminnan ja talouden tavoitte</a:t>
            </a:r>
            <a:r>
              <a:rPr lang="fi-FI" sz="1100"/>
              <a:t>et. </a:t>
            </a:r>
          </a:p>
          <a:p>
            <a:pPr marL="171450" indent="-1714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fi-FI" sz="1100"/>
              <a:t>Tavoitteiden on toteuttava hyvinvointialuestrategiaa. </a:t>
            </a:r>
          </a:p>
          <a:p>
            <a:pPr marL="171450" indent="-1714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fi-FI" sz="1100"/>
              <a:t>Talousarvion yhteydessä hyväksytään myös taloussuunnitelma kolmeksi tai useammaksi vuodeksi.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2A594789-BE1F-4C26-8541-ADAD5C64E37E}"/>
              </a:ext>
            </a:extLst>
          </p:cNvPr>
          <p:cNvSpPr txBox="1"/>
          <p:nvPr/>
        </p:nvSpPr>
        <p:spPr>
          <a:xfrm>
            <a:off x="6215760" y="4037758"/>
            <a:ext cx="5794729" cy="80791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71450" indent="-1714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fi-FI" sz="1100" dirty="0">
                <a:solidFill>
                  <a:prstClr val="black"/>
                </a:solidFill>
                <a:cs typeface="+mn-cs"/>
              </a:rPr>
              <a:t>Hyvinvointialueen on </a:t>
            </a:r>
            <a:r>
              <a:rPr kumimoji="0" lang="fi-FI" sz="11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+mn-ea"/>
                <a:cs typeface="+mn-cs"/>
              </a:rPr>
              <a:t>laadittava vuosittain investointisuunnitelma, joka </a:t>
            </a:r>
            <a:r>
              <a:rPr lang="fi-FI" sz="1100" dirty="0">
                <a:solidFill>
                  <a:prstClr val="black"/>
                </a:solidFill>
              </a:rPr>
              <a:t>sisältää tiedot investoinneista ja investointia vastaavista sopimuksista. (ministeriöt, hyväksymismenettely)</a:t>
            </a:r>
          </a:p>
          <a:p>
            <a:pPr marL="171450" indent="-1714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fi-FI" sz="1100" dirty="0">
                <a:solidFill>
                  <a:prstClr val="black"/>
                </a:solidFill>
              </a:rPr>
              <a:t>Lisäksi tulee sisältää tiedot hyvinvointialueen toimitilojen ja kiinteistöjen sekä muiden pitkävaikutteisten hyödykkeiden suunnitelluista luovutuksista. 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4CB9A1F7-421F-4818-917C-C20447A5D87B}"/>
              </a:ext>
            </a:extLst>
          </p:cNvPr>
          <p:cNvSpPr/>
          <p:nvPr/>
        </p:nvSpPr>
        <p:spPr bwMode="gray">
          <a:xfrm>
            <a:off x="589446" y="5090415"/>
            <a:ext cx="5330089" cy="238075"/>
          </a:xfrm>
          <a:prstGeom prst="rect">
            <a:avLst/>
          </a:prstGeom>
          <a:solidFill>
            <a:srgbClr val="CCCCFF"/>
          </a:solidFill>
          <a:ln w="19050" algn="ctr">
            <a:noFill/>
            <a:miter lim="800000"/>
            <a:headEnd/>
            <a:tailEnd/>
          </a:ln>
        </p:spPr>
        <p:txBody>
          <a:bodyPr wrap="square" lIns="36000" tIns="88900" rIns="36000" bIns="88900" rtlCol="0" anchor="ctr"/>
          <a:lstStyle/>
          <a:p>
            <a:pPr marR="0" lvl="0" algn="ctr" defTabSz="914400" rtl="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fi-FI" sz="1200" b="1">
                <a:latin typeface="+mj-lt"/>
              </a:rPr>
              <a:t>Hyvinvoinnin ja terveyden edistäminen hyvinvointialueella</a:t>
            </a:r>
            <a:endParaRPr kumimoji="0" lang="fi-FI" sz="1200" b="1" i="0" u="none" strike="noStrike" kern="1200" cap="none" spc="0" normalizeH="0" baseline="0" noProof="0">
              <a:ln>
                <a:noFill/>
              </a:ln>
              <a:effectLst/>
              <a:uLnTx/>
              <a:uFillTx/>
              <a:latin typeface="+mj-lt"/>
              <a:ea typeface="+mn-ea"/>
              <a:cs typeface="+mn-cs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DB5DB5B9-A18B-4030-9868-03D46155C9A3}"/>
              </a:ext>
            </a:extLst>
          </p:cNvPr>
          <p:cNvSpPr txBox="1"/>
          <p:nvPr/>
        </p:nvSpPr>
        <p:spPr>
          <a:xfrm>
            <a:off x="589445" y="5324097"/>
            <a:ext cx="5330089" cy="80791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71450" indent="-1714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fi-FI" sz="1100" dirty="0">
                <a:solidFill>
                  <a:prstClr val="black"/>
                </a:solidFill>
              </a:rPr>
              <a:t>Hyvinvointialueen on strategisessa suunnittelussaan asetettava hyvinvoinnin ja terveyden edistämiselle tavoitteet ja määriteltävä tavoitteita tukevat toimenpiteet</a:t>
            </a:r>
          </a:p>
          <a:p>
            <a:pPr marL="171450" indent="-1714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fi-FI" sz="1100" dirty="0" err="1">
                <a:solidFill>
                  <a:prstClr val="black"/>
                </a:solidFill>
              </a:rPr>
              <a:t>Valtuustokausittan</a:t>
            </a:r>
            <a:r>
              <a:rPr lang="fi-FI" sz="1100" dirty="0">
                <a:solidFill>
                  <a:prstClr val="black"/>
                </a:solidFill>
              </a:rPr>
              <a:t> alueellinen hyvinvointikertomus ja -suunnitelma; vuosittainen raportointi alueen </a:t>
            </a:r>
            <a:r>
              <a:rPr lang="fi-FI" sz="1100" dirty="0" err="1">
                <a:solidFill>
                  <a:prstClr val="black"/>
                </a:solidFill>
              </a:rPr>
              <a:t>hyte</a:t>
            </a:r>
            <a:r>
              <a:rPr lang="fi-FI" sz="1100" dirty="0">
                <a:solidFill>
                  <a:prstClr val="black"/>
                </a:solidFill>
              </a:rPr>
              <a:t>-tilanteesta</a:t>
            </a:r>
            <a:endParaRPr lang="fi-FI" sz="1100" dirty="0">
              <a:solidFill>
                <a:srgbClr val="FF0000"/>
              </a:solidFill>
            </a:endParaRP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DCB1B86E-14BB-4A1A-88D8-2642632140A6}"/>
              </a:ext>
            </a:extLst>
          </p:cNvPr>
          <p:cNvSpPr/>
          <p:nvPr/>
        </p:nvSpPr>
        <p:spPr bwMode="gray">
          <a:xfrm>
            <a:off x="6196163" y="5090415"/>
            <a:ext cx="5330089" cy="238075"/>
          </a:xfrm>
          <a:prstGeom prst="rect">
            <a:avLst/>
          </a:prstGeom>
          <a:solidFill>
            <a:srgbClr val="CC99FF"/>
          </a:solidFill>
          <a:ln w="19050" algn="ctr">
            <a:noFill/>
            <a:miter lim="800000"/>
            <a:headEnd/>
            <a:tailEnd/>
          </a:ln>
        </p:spPr>
        <p:txBody>
          <a:bodyPr wrap="square" lIns="36000" tIns="88900" rIns="36000" bIns="88900" rtlCol="0" anchor="ctr"/>
          <a:lstStyle/>
          <a:p>
            <a:pPr algn="ctr">
              <a:lnSpc>
                <a:spcPct val="106000"/>
              </a:lnSpc>
            </a:pPr>
            <a:r>
              <a:rPr lang="fi-FI" sz="1200" b="1">
                <a:latin typeface="+mj-lt"/>
              </a:rPr>
              <a:t>Hallintosääntö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234E78F5-2331-4804-A333-4DCC2360C06E}"/>
              </a:ext>
            </a:extLst>
          </p:cNvPr>
          <p:cNvSpPr txBox="1"/>
          <p:nvPr/>
        </p:nvSpPr>
        <p:spPr>
          <a:xfrm>
            <a:off x="6198166" y="5290956"/>
            <a:ext cx="5330089" cy="8463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71450" indent="-1714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fi-FI" sz="1100" dirty="0"/>
              <a:t>Jokaisella hyvinvointialueella on oltava hallintosääntö</a:t>
            </a:r>
          </a:p>
          <a:p>
            <a:pPr marL="171450" indent="-1714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fi-FI" sz="1100" dirty="0"/>
              <a:t>Hallintosääntö on yksi keskeinen hallinnon ja toiminnan ohjausväline, määrittää toimivallan jaon</a:t>
            </a:r>
          </a:p>
          <a:p>
            <a:pPr>
              <a:spcAft>
                <a:spcPts val="300"/>
              </a:spcAft>
            </a:pPr>
            <a:endParaRPr lang="fi-FI" sz="1100" dirty="0">
              <a:solidFill>
                <a:srgbClr val="FF0000"/>
              </a:solidFill>
            </a:endParaRPr>
          </a:p>
        </p:txBody>
      </p:sp>
      <p:sp>
        <p:nvSpPr>
          <p:cNvPr id="21" name="Date Placeholder 1">
            <a:extLst>
              <a:ext uri="{FF2B5EF4-FFF2-40B4-BE49-F238E27FC236}">
                <a16:creationId xmlns:a16="http://schemas.microsoft.com/office/drawing/2014/main" id="{8EDC8249-3039-4D2F-B0BF-2EB6F6021B4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983495" y="6257748"/>
            <a:ext cx="1074804" cy="365125"/>
          </a:xfrm>
        </p:spPr>
        <p:txBody>
          <a:bodyPr/>
          <a:lstStyle/>
          <a:p>
            <a:fld id="{D4052BFA-D1B1-4F10-9C2D-643307B963F0}" type="datetime1">
              <a:rPr lang="fi-FI" smtClean="0"/>
              <a:t>8.3.2022</a:t>
            </a:fld>
            <a:endParaRPr lang="fi-FI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5A874099-37CC-4043-83A8-9630E76B6822}"/>
              </a:ext>
            </a:extLst>
          </p:cNvPr>
          <p:cNvSpPr/>
          <p:nvPr/>
        </p:nvSpPr>
        <p:spPr>
          <a:xfrm>
            <a:off x="4289842" y="3807466"/>
            <a:ext cx="162969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kumimoji="0" lang="fi-FI" sz="800" b="0" i="1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+mn-ea"/>
                <a:cs typeface="+mn-cs"/>
              </a:rPr>
              <a:t>Laki </a:t>
            </a:r>
            <a:r>
              <a:rPr lang="fi-FI" sz="800" i="1">
                <a:solidFill>
                  <a:prstClr val="black"/>
                </a:solidFill>
              </a:rPr>
              <a:t>hyvinvointialueesta </a:t>
            </a:r>
            <a:r>
              <a:rPr lang="fi-FI" sz="800" i="1">
                <a:solidFill>
                  <a:prstClr val="black"/>
                </a:solidFill>
                <a:cs typeface="Times New Roman" panose="02020603050405020304" pitchFamily="18" charset="0"/>
              </a:rPr>
              <a:t>§115</a:t>
            </a:r>
            <a:endParaRPr lang="fi-FI" sz="800" i="1">
              <a:solidFill>
                <a:schemeClr val="tx1"/>
              </a:solidFill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763F1571-E70C-4815-91AF-C7EC7052F476}"/>
              </a:ext>
            </a:extLst>
          </p:cNvPr>
          <p:cNvSpPr/>
          <p:nvPr/>
        </p:nvSpPr>
        <p:spPr>
          <a:xfrm>
            <a:off x="9833399" y="3802916"/>
            <a:ext cx="162969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kumimoji="0" lang="fi-FI" sz="800" b="0" i="1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+mn-ea"/>
                <a:cs typeface="+mn-cs"/>
              </a:rPr>
              <a:t>Laki </a:t>
            </a:r>
            <a:r>
              <a:rPr lang="fi-FI" sz="800" i="1">
                <a:solidFill>
                  <a:prstClr val="black"/>
                </a:solidFill>
              </a:rPr>
              <a:t>hyvinvointialueesta </a:t>
            </a:r>
            <a:r>
              <a:rPr lang="fi-FI" sz="800" i="1">
                <a:solidFill>
                  <a:prstClr val="black"/>
                </a:solidFill>
                <a:cs typeface="Times New Roman" panose="02020603050405020304" pitchFamily="18" charset="0"/>
              </a:rPr>
              <a:t>§16</a:t>
            </a:r>
            <a:endParaRPr lang="fi-FI" sz="800" i="1">
              <a:solidFill>
                <a:schemeClr val="tx1"/>
              </a:solidFill>
            </a:endParaRP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9EE6315F-7D93-4B55-AF72-673CC766FF06}"/>
              </a:ext>
            </a:extLst>
          </p:cNvPr>
          <p:cNvSpPr/>
          <p:nvPr/>
        </p:nvSpPr>
        <p:spPr>
          <a:xfrm>
            <a:off x="4185868" y="2240324"/>
            <a:ext cx="1629693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 fontAlgn="base"/>
            <a:r>
              <a:rPr lang="fi-FI" sz="800" i="1">
                <a:solidFill>
                  <a:prstClr val="black"/>
                </a:solidFill>
              </a:rPr>
              <a:t>Laki sote-järjestämisestä </a:t>
            </a:r>
            <a:r>
              <a:rPr lang="fi-FI" sz="800" i="1">
                <a:solidFill>
                  <a:prstClr val="black"/>
                </a:solidFill>
                <a:cs typeface="Times New Roman" panose="02020603050405020304" pitchFamily="18" charset="0"/>
              </a:rPr>
              <a:t>§11</a:t>
            </a:r>
            <a:endParaRPr lang="fi-FI" sz="800" i="1">
              <a:solidFill>
                <a:prstClr val="black"/>
              </a:solidFill>
            </a:endParaRP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BC4C202E-32CE-4232-9BC9-CEAA7DF90822}"/>
              </a:ext>
            </a:extLst>
          </p:cNvPr>
          <p:cNvSpPr/>
          <p:nvPr/>
        </p:nvSpPr>
        <p:spPr>
          <a:xfrm>
            <a:off x="9706051" y="1209793"/>
            <a:ext cx="162969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kumimoji="0" lang="fi-FI" sz="800" b="0" i="1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+mn-ea"/>
                <a:cs typeface="+mn-cs"/>
              </a:rPr>
              <a:t>Laki </a:t>
            </a:r>
            <a:r>
              <a:rPr lang="fi-FI" sz="800" i="1">
                <a:solidFill>
                  <a:prstClr val="black"/>
                </a:solidFill>
              </a:rPr>
              <a:t>hyvinvointialueesta </a:t>
            </a:r>
            <a:r>
              <a:rPr lang="fi-FI" sz="800" i="1">
                <a:solidFill>
                  <a:prstClr val="black"/>
                </a:solidFill>
                <a:cs typeface="Times New Roman" panose="02020603050405020304" pitchFamily="18" charset="0"/>
              </a:rPr>
              <a:t>§41</a:t>
            </a:r>
            <a:endParaRPr lang="fi-FI" sz="800" i="1">
              <a:solidFill>
                <a:schemeClr val="tx1"/>
              </a:solidFill>
            </a:endParaRP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2E5FB128-93A9-49D5-991F-194183254A49}"/>
              </a:ext>
            </a:extLst>
          </p:cNvPr>
          <p:cNvSpPr/>
          <p:nvPr/>
        </p:nvSpPr>
        <p:spPr>
          <a:xfrm>
            <a:off x="3609801" y="4984522"/>
            <a:ext cx="2366437" cy="8789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 fontAlgn="base"/>
            <a:r>
              <a:rPr lang="fi-FI" sz="800" i="1">
                <a:solidFill>
                  <a:prstClr val="black"/>
                </a:solidFill>
              </a:rPr>
              <a:t>Laki sosiaali- ja terveydenhuollon järjestämisestä </a:t>
            </a:r>
            <a:r>
              <a:rPr lang="fi-FI" sz="800" i="1">
                <a:solidFill>
                  <a:prstClr val="black"/>
                </a:solidFill>
                <a:cs typeface="Times New Roman" panose="02020603050405020304" pitchFamily="18" charset="0"/>
              </a:rPr>
              <a:t>§7</a:t>
            </a:r>
            <a:endParaRPr lang="fi-FI" sz="800" i="1">
              <a:solidFill>
                <a:prstClr val="black"/>
              </a:solidFill>
            </a:endParaRP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BFD22025-3041-45BD-8425-CF60246A4231}"/>
              </a:ext>
            </a:extLst>
          </p:cNvPr>
          <p:cNvSpPr/>
          <p:nvPr/>
        </p:nvSpPr>
        <p:spPr>
          <a:xfrm>
            <a:off x="9944187" y="2214327"/>
            <a:ext cx="1518904" cy="1582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 fontAlgn="base"/>
            <a:r>
              <a:rPr lang="fi-FI" sz="800" i="1">
                <a:solidFill>
                  <a:prstClr val="black"/>
                </a:solidFill>
              </a:rPr>
              <a:t>Laki </a:t>
            </a:r>
            <a:r>
              <a:rPr lang="fi-FI" sz="800" i="1" err="1">
                <a:solidFill>
                  <a:prstClr val="black"/>
                </a:solidFill>
              </a:rPr>
              <a:t>pela</a:t>
            </a:r>
            <a:r>
              <a:rPr lang="fi-FI" sz="800" i="1">
                <a:solidFill>
                  <a:prstClr val="black"/>
                </a:solidFill>
              </a:rPr>
              <a:t>-järjestämisestä </a:t>
            </a:r>
            <a:r>
              <a:rPr lang="fi-FI" sz="800" i="1">
                <a:solidFill>
                  <a:prstClr val="black"/>
                </a:solidFill>
                <a:cs typeface="Times New Roman" panose="02020603050405020304" pitchFamily="18" charset="0"/>
              </a:rPr>
              <a:t>§6</a:t>
            </a:r>
            <a:endParaRPr lang="fi-FI" sz="800" i="1">
              <a:solidFill>
                <a:prstClr val="black"/>
              </a:solidFill>
            </a:endParaRPr>
          </a:p>
        </p:txBody>
      </p:sp>
      <p:sp>
        <p:nvSpPr>
          <p:cNvPr id="30" name="Rectangle 23">
            <a:extLst>
              <a:ext uri="{FF2B5EF4-FFF2-40B4-BE49-F238E27FC236}">
                <a16:creationId xmlns:a16="http://schemas.microsoft.com/office/drawing/2014/main" id="{18D9CDEE-D95E-4D01-A914-149C8FD250BD}"/>
              </a:ext>
            </a:extLst>
          </p:cNvPr>
          <p:cNvSpPr/>
          <p:nvPr/>
        </p:nvSpPr>
        <p:spPr>
          <a:xfrm>
            <a:off x="9706051" y="5109261"/>
            <a:ext cx="162969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kumimoji="0" lang="fi-FI" sz="800" b="0" i="1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+mn-ea"/>
                <a:cs typeface="+mn-cs"/>
              </a:rPr>
              <a:t>Laki </a:t>
            </a:r>
            <a:r>
              <a:rPr lang="fi-FI" sz="800" i="1">
                <a:solidFill>
                  <a:prstClr val="black"/>
                </a:solidFill>
              </a:rPr>
              <a:t>hyvinvointialueesta </a:t>
            </a:r>
            <a:r>
              <a:rPr lang="fi-FI" sz="800" i="1">
                <a:solidFill>
                  <a:prstClr val="black"/>
                </a:solidFill>
                <a:cs typeface="Times New Roman" panose="02020603050405020304" pitchFamily="18" charset="0"/>
              </a:rPr>
              <a:t>§95</a:t>
            </a:r>
            <a:endParaRPr lang="fi-FI" sz="800" i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328104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Wave 11">
            <a:extLst>
              <a:ext uri="{FF2B5EF4-FFF2-40B4-BE49-F238E27FC236}">
                <a16:creationId xmlns:a16="http://schemas.microsoft.com/office/drawing/2014/main" id="{2D03EF04-F17B-48CB-95D7-674A2E4D8FEB}"/>
              </a:ext>
            </a:extLst>
          </p:cNvPr>
          <p:cNvSpPr/>
          <p:nvPr/>
        </p:nvSpPr>
        <p:spPr>
          <a:xfrm>
            <a:off x="0" y="3296128"/>
            <a:ext cx="3611086" cy="1108176"/>
          </a:xfrm>
          <a:prstGeom prst="wav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32" name="Wave 31">
            <a:extLst>
              <a:ext uri="{FF2B5EF4-FFF2-40B4-BE49-F238E27FC236}">
                <a16:creationId xmlns:a16="http://schemas.microsoft.com/office/drawing/2014/main" id="{4FA695B4-3653-4763-AB8D-F65F02128051}"/>
              </a:ext>
            </a:extLst>
          </p:cNvPr>
          <p:cNvSpPr/>
          <p:nvPr/>
        </p:nvSpPr>
        <p:spPr>
          <a:xfrm rot="10800000">
            <a:off x="3611086" y="3296128"/>
            <a:ext cx="3611086" cy="1108176"/>
          </a:xfrm>
          <a:prstGeom prst="wav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33" name="Wave 32">
            <a:extLst>
              <a:ext uri="{FF2B5EF4-FFF2-40B4-BE49-F238E27FC236}">
                <a16:creationId xmlns:a16="http://schemas.microsoft.com/office/drawing/2014/main" id="{2F61AA23-6779-488E-B249-DEC2F5AA250B}"/>
              </a:ext>
            </a:extLst>
          </p:cNvPr>
          <p:cNvSpPr/>
          <p:nvPr/>
        </p:nvSpPr>
        <p:spPr>
          <a:xfrm>
            <a:off x="7239046" y="3311154"/>
            <a:ext cx="3611086" cy="1108176"/>
          </a:xfrm>
          <a:prstGeom prst="wav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D32FAC3-7D5E-4824-90E9-B6E396D7C4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052BFA-D1B1-4F10-9C2D-643307B963F0}" type="datetime1">
              <a:rPr lang="fi-FI" smtClean="0"/>
              <a:t>8.3.2022</a:t>
            </a:fld>
            <a:endParaRPr lang="fi-FI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B9EE6499-3B40-4B7F-B715-E19BBE3DBE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3</a:t>
            </a:fld>
            <a:endParaRPr lang="fi-FI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E870FC9-52E6-4611-AD16-79EBA27E126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fi-FI" sz="2400">
                <a:solidFill>
                  <a:srgbClr val="7030A0"/>
                </a:solidFill>
              </a:rPr>
              <a:t>Hyvinvointialuestrategiaan vaikuttavia taustatekijöitä</a:t>
            </a:r>
          </a:p>
        </p:txBody>
      </p:sp>
      <p:sp>
        <p:nvSpPr>
          <p:cNvPr id="37" name="Hexagon 10">
            <a:extLst>
              <a:ext uri="{FF2B5EF4-FFF2-40B4-BE49-F238E27FC236}">
                <a16:creationId xmlns:a16="http://schemas.microsoft.com/office/drawing/2014/main" id="{262F07E5-1BCA-455E-B3D1-AF8ECC637888}"/>
              </a:ext>
            </a:extLst>
          </p:cNvPr>
          <p:cNvSpPr/>
          <p:nvPr/>
        </p:nvSpPr>
        <p:spPr bwMode="gray">
          <a:xfrm rot="5400000">
            <a:off x="981589" y="2856702"/>
            <a:ext cx="1714260" cy="1488201"/>
          </a:xfrm>
          <a:custGeom>
            <a:avLst/>
            <a:gdLst>
              <a:gd name="connsiteX0" fmla="*/ 0 w 1414272"/>
              <a:gd name="connsiteY0" fmla="*/ 609600 h 1219200"/>
              <a:gd name="connsiteX1" fmla="*/ 304800 w 1414272"/>
              <a:gd name="connsiteY1" fmla="*/ 0 h 1219200"/>
              <a:gd name="connsiteX2" fmla="*/ 1109472 w 1414272"/>
              <a:gd name="connsiteY2" fmla="*/ 0 h 1219200"/>
              <a:gd name="connsiteX3" fmla="*/ 1414272 w 1414272"/>
              <a:gd name="connsiteY3" fmla="*/ 609600 h 1219200"/>
              <a:gd name="connsiteX4" fmla="*/ 1109472 w 1414272"/>
              <a:gd name="connsiteY4" fmla="*/ 1219200 h 1219200"/>
              <a:gd name="connsiteX5" fmla="*/ 304800 w 1414272"/>
              <a:gd name="connsiteY5" fmla="*/ 1219200 h 1219200"/>
              <a:gd name="connsiteX6" fmla="*/ 0 w 1414272"/>
              <a:gd name="connsiteY6" fmla="*/ 609600 h 1219200"/>
              <a:gd name="connsiteX0" fmla="*/ 1109472 w 1414272"/>
              <a:gd name="connsiteY0" fmla="*/ 0 h 1219200"/>
              <a:gd name="connsiteX1" fmla="*/ 1414272 w 1414272"/>
              <a:gd name="connsiteY1" fmla="*/ 609600 h 1219200"/>
              <a:gd name="connsiteX2" fmla="*/ 1109472 w 1414272"/>
              <a:gd name="connsiteY2" fmla="*/ 1219200 h 1219200"/>
              <a:gd name="connsiteX3" fmla="*/ 304800 w 1414272"/>
              <a:gd name="connsiteY3" fmla="*/ 1219200 h 1219200"/>
              <a:gd name="connsiteX4" fmla="*/ 0 w 1414272"/>
              <a:gd name="connsiteY4" fmla="*/ 609600 h 1219200"/>
              <a:gd name="connsiteX5" fmla="*/ 304800 w 1414272"/>
              <a:gd name="connsiteY5" fmla="*/ 0 h 1219200"/>
              <a:gd name="connsiteX6" fmla="*/ 1200912 w 1414272"/>
              <a:gd name="connsiteY6" fmla="*/ 91440 h 1219200"/>
              <a:gd name="connsiteX0" fmla="*/ 1109472 w 1414272"/>
              <a:gd name="connsiteY0" fmla="*/ 13335 h 1232535"/>
              <a:gd name="connsiteX1" fmla="*/ 1414272 w 1414272"/>
              <a:gd name="connsiteY1" fmla="*/ 622935 h 1232535"/>
              <a:gd name="connsiteX2" fmla="*/ 1109472 w 1414272"/>
              <a:gd name="connsiteY2" fmla="*/ 1232535 h 1232535"/>
              <a:gd name="connsiteX3" fmla="*/ 304800 w 1414272"/>
              <a:gd name="connsiteY3" fmla="*/ 1232535 h 1232535"/>
              <a:gd name="connsiteX4" fmla="*/ 0 w 1414272"/>
              <a:gd name="connsiteY4" fmla="*/ 622935 h 1232535"/>
              <a:gd name="connsiteX5" fmla="*/ 304800 w 1414272"/>
              <a:gd name="connsiteY5" fmla="*/ 13335 h 1232535"/>
              <a:gd name="connsiteX6" fmla="*/ 958024 w 1414272"/>
              <a:gd name="connsiteY6" fmla="*/ 0 h 1232535"/>
              <a:gd name="connsiteX0" fmla="*/ 1109472 w 1414272"/>
              <a:gd name="connsiteY0" fmla="*/ 0 h 1219200"/>
              <a:gd name="connsiteX1" fmla="*/ 1414272 w 1414272"/>
              <a:gd name="connsiteY1" fmla="*/ 609600 h 1219200"/>
              <a:gd name="connsiteX2" fmla="*/ 1109472 w 1414272"/>
              <a:gd name="connsiteY2" fmla="*/ 1219200 h 1219200"/>
              <a:gd name="connsiteX3" fmla="*/ 304800 w 1414272"/>
              <a:gd name="connsiteY3" fmla="*/ 1219200 h 1219200"/>
              <a:gd name="connsiteX4" fmla="*/ 0 w 1414272"/>
              <a:gd name="connsiteY4" fmla="*/ 609600 h 1219200"/>
              <a:gd name="connsiteX5" fmla="*/ 304800 w 1414272"/>
              <a:gd name="connsiteY5" fmla="*/ 0 h 1219200"/>
              <a:gd name="connsiteX6" fmla="*/ 858015 w 1414272"/>
              <a:gd name="connsiteY6" fmla="*/ 10478 h 1219200"/>
              <a:gd name="connsiteX0" fmla="*/ 1109472 w 1414272"/>
              <a:gd name="connsiteY0" fmla="*/ 8572 h 1227772"/>
              <a:gd name="connsiteX1" fmla="*/ 1414272 w 1414272"/>
              <a:gd name="connsiteY1" fmla="*/ 618172 h 1227772"/>
              <a:gd name="connsiteX2" fmla="*/ 1109472 w 1414272"/>
              <a:gd name="connsiteY2" fmla="*/ 1227772 h 1227772"/>
              <a:gd name="connsiteX3" fmla="*/ 304800 w 1414272"/>
              <a:gd name="connsiteY3" fmla="*/ 1227772 h 1227772"/>
              <a:gd name="connsiteX4" fmla="*/ 0 w 1414272"/>
              <a:gd name="connsiteY4" fmla="*/ 618172 h 1227772"/>
              <a:gd name="connsiteX5" fmla="*/ 304800 w 1414272"/>
              <a:gd name="connsiteY5" fmla="*/ 8572 h 1227772"/>
              <a:gd name="connsiteX6" fmla="*/ 848490 w 1414272"/>
              <a:gd name="connsiteY6" fmla="*/ 0 h 12277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414272" h="1227772">
                <a:moveTo>
                  <a:pt x="1109472" y="8572"/>
                </a:moveTo>
                <a:lnTo>
                  <a:pt x="1414272" y="618172"/>
                </a:lnTo>
                <a:lnTo>
                  <a:pt x="1109472" y="1227772"/>
                </a:lnTo>
                <a:lnTo>
                  <a:pt x="304800" y="1227772"/>
                </a:lnTo>
                <a:lnTo>
                  <a:pt x="0" y="618172"/>
                </a:lnTo>
                <a:lnTo>
                  <a:pt x="304800" y="8572"/>
                </a:lnTo>
                <a:cubicBezTo>
                  <a:pt x="573024" y="8572"/>
                  <a:pt x="848490" y="0"/>
                  <a:pt x="848490" y="0"/>
                </a:cubicBezTo>
              </a:path>
            </a:pathLst>
          </a:custGeom>
          <a:noFill/>
          <a:ln w="19050" algn="ctr">
            <a:solidFill>
              <a:schemeClr val="accent1"/>
            </a:solidFill>
            <a:miter lim="800000"/>
            <a:headEnd type="triangle" w="lg" len="lg"/>
            <a:tailEnd type="oval"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fi-FI" sz="1600" b="1" i="0" u="none" strike="noStrike" kern="120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38" name="Hexagon 10">
            <a:extLst>
              <a:ext uri="{FF2B5EF4-FFF2-40B4-BE49-F238E27FC236}">
                <a16:creationId xmlns:a16="http://schemas.microsoft.com/office/drawing/2014/main" id="{4CFC243D-6136-4533-A862-B6DD8963DADD}"/>
              </a:ext>
            </a:extLst>
          </p:cNvPr>
          <p:cNvSpPr/>
          <p:nvPr/>
        </p:nvSpPr>
        <p:spPr bwMode="gray">
          <a:xfrm rot="5400000" flipH="1">
            <a:off x="3446267" y="3477588"/>
            <a:ext cx="1714260" cy="1488201"/>
          </a:xfrm>
          <a:custGeom>
            <a:avLst/>
            <a:gdLst>
              <a:gd name="connsiteX0" fmla="*/ 0 w 1414272"/>
              <a:gd name="connsiteY0" fmla="*/ 609600 h 1219200"/>
              <a:gd name="connsiteX1" fmla="*/ 304800 w 1414272"/>
              <a:gd name="connsiteY1" fmla="*/ 0 h 1219200"/>
              <a:gd name="connsiteX2" fmla="*/ 1109472 w 1414272"/>
              <a:gd name="connsiteY2" fmla="*/ 0 h 1219200"/>
              <a:gd name="connsiteX3" fmla="*/ 1414272 w 1414272"/>
              <a:gd name="connsiteY3" fmla="*/ 609600 h 1219200"/>
              <a:gd name="connsiteX4" fmla="*/ 1109472 w 1414272"/>
              <a:gd name="connsiteY4" fmla="*/ 1219200 h 1219200"/>
              <a:gd name="connsiteX5" fmla="*/ 304800 w 1414272"/>
              <a:gd name="connsiteY5" fmla="*/ 1219200 h 1219200"/>
              <a:gd name="connsiteX6" fmla="*/ 0 w 1414272"/>
              <a:gd name="connsiteY6" fmla="*/ 609600 h 1219200"/>
              <a:gd name="connsiteX0" fmla="*/ 1109472 w 1414272"/>
              <a:gd name="connsiteY0" fmla="*/ 0 h 1219200"/>
              <a:gd name="connsiteX1" fmla="*/ 1414272 w 1414272"/>
              <a:gd name="connsiteY1" fmla="*/ 609600 h 1219200"/>
              <a:gd name="connsiteX2" fmla="*/ 1109472 w 1414272"/>
              <a:gd name="connsiteY2" fmla="*/ 1219200 h 1219200"/>
              <a:gd name="connsiteX3" fmla="*/ 304800 w 1414272"/>
              <a:gd name="connsiteY3" fmla="*/ 1219200 h 1219200"/>
              <a:gd name="connsiteX4" fmla="*/ 0 w 1414272"/>
              <a:gd name="connsiteY4" fmla="*/ 609600 h 1219200"/>
              <a:gd name="connsiteX5" fmla="*/ 304800 w 1414272"/>
              <a:gd name="connsiteY5" fmla="*/ 0 h 1219200"/>
              <a:gd name="connsiteX6" fmla="*/ 1200912 w 1414272"/>
              <a:gd name="connsiteY6" fmla="*/ 91440 h 1219200"/>
              <a:gd name="connsiteX0" fmla="*/ 1109472 w 1414272"/>
              <a:gd name="connsiteY0" fmla="*/ 13335 h 1232535"/>
              <a:gd name="connsiteX1" fmla="*/ 1414272 w 1414272"/>
              <a:gd name="connsiteY1" fmla="*/ 622935 h 1232535"/>
              <a:gd name="connsiteX2" fmla="*/ 1109472 w 1414272"/>
              <a:gd name="connsiteY2" fmla="*/ 1232535 h 1232535"/>
              <a:gd name="connsiteX3" fmla="*/ 304800 w 1414272"/>
              <a:gd name="connsiteY3" fmla="*/ 1232535 h 1232535"/>
              <a:gd name="connsiteX4" fmla="*/ 0 w 1414272"/>
              <a:gd name="connsiteY4" fmla="*/ 622935 h 1232535"/>
              <a:gd name="connsiteX5" fmla="*/ 304800 w 1414272"/>
              <a:gd name="connsiteY5" fmla="*/ 13335 h 1232535"/>
              <a:gd name="connsiteX6" fmla="*/ 958024 w 1414272"/>
              <a:gd name="connsiteY6" fmla="*/ 0 h 1232535"/>
              <a:gd name="connsiteX0" fmla="*/ 1109472 w 1414272"/>
              <a:gd name="connsiteY0" fmla="*/ 0 h 1219200"/>
              <a:gd name="connsiteX1" fmla="*/ 1414272 w 1414272"/>
              <a:gd name="connsiteY1" fmla="*/ 609600 h 1219200"/>
              <a:gd name="connsiteX2" fmla="*/ 1109472 w 1414272"/>
              <a:gd name="connsiteY2" fmla="*/ 1219200 h 1219200"/>
              <a:gd name="connsiteX3" fmla="*/ 304800 w 1414272"/>
              <a:gd name="connsiteY3" fmla="*/ 1219200 h 1219200"/>
              <a:gd name="connsiteX4" fmla="*/ 0 w 1414272"/>
              <a:gd name="connsiteY4" fmla="*/ 609600 h 1219200"/>
              <a:gd name="connsiteX5" fmla="*/ 304800 w 1414272"/>
              <a:gd name="connsiteY5" fmla="*/ 0 h 1219200"/>
              <a:gd name="connsiteX6" fmla="*/ 858015 w 1414272"/>
              <a:gd name="connsiteY6" fmla="*/ 10478 h 1219200"/>
              <a:gd name="connsiteX0" fmla="*/ 1109472 w 1414272"/>
              <a:gd name="connsiteY0" fmla="*/ 8572 h 1227772"/>
              <a:gd name="connsiteX1" fmla="*/ 1414272 w 1414272"/>
              <a:gd name="connsiteY1" fmla="*/ 618172 h 1227772"/>
              <a:gd name="connsiteX2" fmla="*/ 1109472 w 1414272"/>
              <a:gd name="connsiteY2" fmla="*/ 1227772 h 1227772"/>
              <a:gd name="connsiteX3" fmla="*/ 304800 w 1414272"/>
              <a:gd name="connsiteY3" fmla="*/ 1227772 h 1227772"/>
              <a:gd name="connsiteX4" fmla="*/ 0 w 1414272"/>
              <a:gd name="connsiteY4" fmla="*/ 618172 h 1227772"/>
              <a:gd name="connsiteX5" fmla="*/ 304800 w 1414272"/>
              <a:gd name="connsiteY5" fmla="*/ 8572 h 1227772"/>
              <a:gd name="connsiteX6" fmla="*/ 848490 w 1414272"/>
              <a:gd name="connsiteY6" fmla="*/ 0 h 12277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414272" h="1227772">
                <a:moveTo>
                  <a:pt x="1109472" y="8572"/>
                </a:moveTo>
                <a:lnTo>
                  <a:pt x="1414272" y="618172"/>
                </a:lnTo>
                <a:lnTo>
                  <a:pt x="1109472" y="1227772"/>
                </a:lnTo>
                <a:lnTo>
                  <a:pt x="304800" y="1227772"/>
                </a:lnTo>
                <a:lnTo>
                  <a:pt x="0" y="618172"/>
                </a:lnTo>
                <a:lnTo>
                  <a:pt x="304800" y="8572"/>
                </a:lnTo>
                <a:cubicBezTo>
                  <a:pt x="573024" y="8572"/>
                  <a:pt x="848490" y="0"/>
                  <a:pt x="848490" y="0"/>
                </a:cubicBezTo>
              </a:path>
            </a:pathLst>
          </a:custGeom>
          <a:noFill/>
          <a:ln w="19050" algn="ctr">
            <a:solidFill>
              <a:schemeClr val="accent2"/>
            </a:solidFill>
            <a:miter lim="800000"/>
            <a:headEnd type="triangle" w="lg" len="lg"/>
            <a:tailEnd type="oval"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fi-FI" sz="1600" b="1" i="0" u="none" strike="noStrike" kern="120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39" name="Hexagon 10">
            <a:extLst>
              <a:ext uri="{FF2B5EF4-FFF2-40B4-BE49-F238E27FC236}">
                <a16:creationId xmlns:a16="http://schemas.microsoft.com/office/drawing/2014/main" id="{0B42E589-D15D-49E0-9470-11B34B35F8C3}"/>
              </a:ext>
            </a:extLst>
          </p:cNvPr>
          <p:cNvSpPr/>
          <p:nvPr/>
        </p:nvSpPr>
        <p:spPr bwMode="gray">
          <a:xfrm rot="5400000">
            <a:off x="6121163" y="2842195"/>
            <a:ext cx="1714260" cy="1488201"/>
          </a:xfrm>
          <a:custGeom>
            <a:avLst/>
            <a:gdLst>
              <a:gd name="connsiteX0" fmla="*/ 0 w 1414272"/>
              <a:gd name="connsiteY0" fmla="*/ 609600 h 1219200"/>
              <a:gd name="connsiteX1" fmla="*/ 304800 w 1414272"/>
              <a:gd name="connsiteY1" fmla="*/ 0 h 1219200"/>
              <a:gd name="connsiteX2" fmla="*/ 1109472 w 1414272"/>
              <a:gd name="connsiteY2" fmla="*/ 0 h 1219200"/>
              <a:gd name="connsiteX3" fmla="*/ 1414272 w 1414272"/>
              <a:gd name="connsiteY3" fmla="*/ 609600 h 1219200"/>
              <a:gd name="connsiteX4" fmla="*/ 1109472 w 1414272"/>
              <a:gd name="connsiteY4" fmla="*/ 1219200 h 1219200"/>
              <a:gd name="connsiteX5" fmla="*/ 304800 w 1414272"/>
              <a:gd name="connsiteY5" fmla="*/ 1219200 h 1219200"/>
              <a:gd name="connsiteX6" fmla="*/ 0 w 1414272"/>
              <a:gd name="connsiteY6" fmla="*/ 609600 h 1219200"/>
              <a:gd name="connsiteX0" fmla="*/ 1109472 w 1414272"/>
              <a:gd name="connsiteY0" fmla="*/ 0 h 1219200"/>
              <a:gd name="connsiteX1" fmla="*/ 1414272 w 1414272"/>
              <a:gd name="connsiteY1" fmla="*/ 609600 h 1219200"/>
              <a:gd name="connsiteX2" fmla="*/ 1109472 w 1414272"/>
              <a:gd name="connsiteY2" fmla="*/ 1219200 h 1219200"/>
              <a:gd name="connsiteX3" fmla="*/ 304800 w 1414272"/>
              <a:gd name="connsiteY3" fmla="*/ 1219200 h 1219200"/>
              <a:gd name="connsiteX4" fmla="*/ 0 w 1414272"/>
              <a:gd name="connsiteY4" fmla="*/ 609600 h 1219200"/>
              <a:gd name="connsiteX5" fmla="*/ 304800 w 1414272"/>
              <a:gd name="connsiteY5" fmla="*/ 0 h 1219200"/>
              <a:gd name="connsiteX6" fmla="*/ 1200912 w 1414272"/>
              <a:gd name="connsiteY6" fmla="*/ 91440 h 1219200"/>
              <a:gd name="connsiteX0" fmla="*/ 1109472 w 1414272"/>
              <a:gd name="connsiteY0" fmla="*/ 13335 h 1232535"/>
              <a:gd name="connsiteX1" fmla="*/ 1414272 w 1414272"/>
              <a:gd name="connsiteY1" fmla="*/ 622935 h 1232535"/>
              <a:gd name="connsiteX2" fmla="*/ 1109472 w 1414272"/>
              <a:gd name="connsiteY2" fmla="*/ 1232535 h 1232535"/>
              <a:gd name="connsiteX3" fmla="*/ 304800 w 1414272"/>
              <a:gd name="connsiteY3" fmla="*/ 1232535 h 1232535"/>
              <a:gd name="connsiteX4" fmla="*/ 0 w 1414272"/>
              <a:gd name="connsiteY4" fmla="*/ 622935 h 1232535"/>
              <a:gd name="connsiteX5" fmla="*/ 304800 w 1414272"/>
              <a:gd name="connsiteY5" fmla="*/ 13335 h 1232535"/>
              <a:gd name="connsiteX6" fmla="*/ 958024 w 1414272"/>
              <a:gd name="connsiteY6" fmla="*/ 0 h 1232535"/>
              <a:gd name="connsiteX0" fmla="*/ 1109472 w 1414272"/>
              <a:gd name="connsiteY0" fmla="*/ 0 h 1219200"/>
              <a:gd name="connsiteX1" fmla="*/ 1414272 w 1414272"/>
              <a:gd name="connsiteY1" fmla="*/ 609600 h 1219200"/>
              <a:gd name="connsiteX2" fmla="*/ 1109472 w 1414272"/>
              <a:gd name="connsiteY2" fmla="*/ 1219200 h 1219200"/>
              <a:gd name="connsiteX3" fmla="*/ 304800 w 1414272"/>
              <a:gd name="connsiteY3" fmla="*/ 1219200 h 1219200"/>
              <a:gd name="connsiteX4" fmla="*/ 0 w 1414272"/>
              <a:gd name="connsiteY4" fmla="*/ 609600 h 1219200"/>
              <a:gd name="connsiteX5" fmla="*/ 304800 w 1414272"/>
              <a:gd name="connsiteY5" fmla="*/ 0 h 1219200"/>
              <a:gd name="connsiteX6" fmla="*/ 858015 w 1414272"/>
              <a:gd name="connsiteY6" fmla="*/ 10478 h 1219200"/>
              <a:gd name="connsiteX0" fmla="*/ 1109472 w 1414272"/>
              <a:gd name="connsiteY0" fmla="*/ 8572 h 1227772"/>
              <a:gd name="connsiteX1" fmla="*/ 1414272 w 1414272"/>
              <a:gd name="connsiteY1" fmla="*/ 618172 h 1227772"/>
              <a:gd name="connsiteX2" fmla="*/ 1109472 w 1414272"/>
              <a:gd name="connsiteY2" fmla="*/ 1227772 h 1227772"/>
              <a:gd name="connsiteX3" fmla="*/ 304800 w 1414272"/>
              <a:gd name="connsiteY3" fmla="*/ 1227772 h 1227772"/>
              <a:gd name="connsiteX4" fmla="*/ 0 w 1414272"/>
              <a:gd name="connsiteY4" fmla="*/ 618172 h 1227772"/>
              <a:gd name="connsiteX5" fmla="*/ 304800 w 1414272"/>
              <a:gd name="connsiteY5" fmla="*/ 8572 h 1227772"/>
              <a:gd name="connsiteX6" fmla="*/ 848490 w 1414272"/>
              <a:gd name="connsiteY6" fmla="*/ 0 h 12277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414272" h="1227772">
                <a:moveTo>
                  <a:pt x="1109472" y="8572"/>
                </a:moveTo>
                <a:lnTo>
                  <a:pt x="1414272" y="618172"/>
                </a:lnTo>
                <a:lnTo>
                  <a:pt x="1109472" y="1227772"/>
                </a:lnTo>
                <a:lnTo>
                  <a:pt x="304800" y="1227772"/>
                </a:lnTo>
                <a:lnTo>
                  <a:pt x="0" y="618172"/>
                </a:lnTo>
                <a:lnTo>
                  <a:pt x="304800" y="8572"/>
                </a:lnTo>
                <a:cubicBezTo>
                  <a:pt x="573024" y="8572"/>
                  <a:pt x="848490" y="0"/>
                  <a:pt x="848490" y="0"/>
                </a:cubicBezTo>
              </a:path>
            </a:pathLst>
          </a:custGeom>
          <a:noFill/>
          <a:ln w="19050" algn="ctr">
            <a:solidFill>
              <a:schemeClr val="accent3"/>
            </a:solidFill>
            <a:miter lim="800000"/>
            <a:headEnd type="triangle" w="lg" len="lg"/>
            <a:tailEnd type="oval"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fi-FI" sz="1600" b="1" i="0" u="none" strike="noStrike" kern="120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8" name="Hexagon 7">
            <a:extLst>
              <a:ext uri="{FF2B5EF4-FFF2-40B4-BE49-F238E27FC236}">
                <a16:creationId xmlns:a16="http://schemas.microsoft.com/office/drawing/2014/main" id="{D68EDD12-2013-4253-9C99-E493012DAC94}"/>
              </a:ext>
            </a:extLst>
          </p:cNvPr>
          <p:cNvSpPr/>
          <p:nvPr/>
        </p:nvSpPr>
        <p:spPr bwMode="gray">
          <a:xfrm rot="16200000">
            <a:off x="1109621" y="2983274"/>
            <a:ext cx="1446375" cy="1246875"/>
          </a:xfrm>
          <a:prstGeom prst="hexagon">
            <a:avLst/>
          </a:prstGeom>
          <a:solidFill>
            <a:schemeClr val="accent1">
              <a:lumMod val="20000"/>
              <a:lumOff val="8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fi-FI" sz="1600" b="1" i="0" u="none" strike="noStrike" kern="120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9" name="Hexagon 8">
            <a:extLst>
              <a:ext uri="{FF2B5EF4-FFF2-40B4-BE49-F238E27FC236}">
                <a16:creationId xmlns:a16="http://schemas.microsoft.com/office/drawing/2014/main" id="{4EF93A55-8EFE-410E-9A72-EA83A9FF3474}"/>
              </a:ext>
            </a:extLst>
          </p:cNvPr>
          <p:cNvSpPr/>
          <p:nvPr/>
        </p:nvSpPr>
        <p:spPr bwMode="gray">
          <a:xfrm rot="16200000">
            <a:off x="3580209" y="3598251"/>
            <a:ext cx="1446375" cy="1246875"/>
          </a:xfrm>
          <a:prstGeom prst="hexagon">
            <a:avLst/>
          </a:prstGeom>
          <a:solidFill>
            <a:schemeClr val="accent2">
              <a:lumMod val="40000"/>
              <a:lumOff val="6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fi-FI" sz="1600" b="1" i="0" u="none" strike="noStrike" kern="120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10" name="Hexagon 9">
            <a:extLst>
              <a:ext uri="{FF2B5EF4-FFF2-40B4-BE49-F238E27FC236}">
                <a16:creationId xmlns:a16="http://schemas.microsoft.com/office/drawing/2014/main" id="{4B386176-3DCF-4414-A56E-9D9811ED6E2B}"/>
              </a:ext>
            </a:extLst>
          </p:cNvPr>
          <p:cNvSpPr/>
          <p:nvPr/>
        </p:nvSpPr>
        <p:spPr bwMode="gray">
          <a:xfrm rot="16200000">
            <a:off x="6261943" y="2932499"/>
            <a:ext cx="1446375" cy="1246875"/>
          </a:xfrm>
          <a:prstGeom prst="hexagon">
            <a:avLst/>
          </a:prstGeom>
          <a:solidFill>
            <a:schemeClr val="accent4">
              <a:lumMod val="20000"/>
              <a:lumOff val="8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fi-FI" sz="1600" b="1" i="0" u="none" strike="noStrike" kern="120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E9209BD8-EAEE-455C-A8B3-5CA1655E99E7}"/>
              </a:ext>
            </a:extLst>
          </p:cNvPr>
          <p:cNvSpPr/>
          <p:nvPr/>
        </p:nvSpPr>
        <p:spPr>
          <a:xfrm>
            <a:off x="407148" y="1815030"/>
            <a:ext cx="3181548" cy="8156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/>
            <a:r>
              <a:rPr lang="fi-FI" sz="1400" b="1">
                <a:solidFill>
                  <a:prstClr val="black"/>
                </a:solidFill>
              </a:rPr>
              <a:t>LAINSÄÄDÄNTÖ</a:t>
            </a:r>
          </a:p>
          <a:p>
            <a:pPr lvl="0" algn="ctr"/>
            <a:r>
              <a:rPr lang="fi-FI" sz="1100">
                <a:solidFill>
                  <a:prstClr val="black"/>
                </a:solidFill>
              </a:rPr>
              <a:t>Hyvinvointialueen vastuut ja palvelut  säädetty lailla, mikä osaltaan asettaa strategialle reunaehdot. Rahoitus.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587E88CD-8834-4227-A6D3-01FDACA2308C}"/>
              </a:ext>
            </a:extLst>
          </p:cNvPr>
          <p:cNvSpPr/>
          <p:nvPr/>
        </p:nvSpPr>
        <p:spPr>
          <a:xfrm>
            <a:off x="4877158" y="1498741"/>
            <a:ext cx="4215944" cy="14927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/>
            <a:r>
              <a:rPr lang="fi-FI" sz="1400" b="1">
                <a:solidFill>
                  <a:prstClr val="black"/>
                </a:solidFill>
              </a:rPr>
              <a:t>VALTAKUNNALLISET TAVOITTEET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fi-FI" sz="1100">
                <a:solidFill>
                  <a:prstClr val="black"/>
                </a:solidFill>
              </a:rPr>
              <a:t>turvata yhdenvertaiset ja laadukkaat palvelut  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fi-FI" sz="1100">
                <a:solidFill>
                  <a:prstClr val="black"/>
                </a:solidFill>
              </a:rPr>
              <a:t>parantaa palvelujen saatavuutta ja saavutettavuutta, 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fi-FI" sz="1100">
                <a:solidFill>
                  <a:prstClr val="black"/>
                </a:solidFill>
              </a:rPr>
              <a:t>kaventaa hyvinvointi- ja terveyseroja, 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fi-FI" sz="1100">
                <a:solidFill>
                  <a:prstClr val="black"/>
                </a:solidFill>
              </a:rPr>
              <a:t>turvata ammattitaitoisen työvoiman saanti 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fi-FI" sz="1100">
                <a:solidFill>
                  <a:prstClr val="black"/>
                </a:solidFill>
              </a:rPr>
              <a:t>vastata yhteiskunnallisten muutosten tuomiin haasteisiin 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fi-FI" sz="1100">
                <a:solidFill>
                  <a:prstClr val="black"/>
                </a:solidFill>
              </a:rPr>
              <a:t>hillitä kustannusten kasvua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fi-FI" sz="1100">
                <a:solidFill>
                  <a:prstClr val="black"/>
                </a:solidFill>
              </a:rPr>
              <a:t>parantaa turvallisuutta</a:t>
            </a:r>
            <a:endParaRPr lang="fi-FI" sz="1400" b="1">
              <a:solidFill>
                <a:prstClr val="black"/>
              </a:solidFill>
            </a:endParaRP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A7733E5C-F0A4-441B-A426-1C71B307204D}"/>
              </a:ext>
            </a:extLst>
          </p:cNvPr>
          <p:cNvSpPr/>
          <p:nvPr/>
        </p:nvSpPr>
        <p:spPr>
          <a:xfrm>
            <a:off x="2670958" y="5261271"/>
            <a:ext cx="3259339" cy="8156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/>
            <a:r>
              <a:rPr lang="fi-FI" sz="1400" b="1">
                <a:solidFill>
                  <a:prstClr val="black"/>
                </a:solidFill>
              </a:rPr>
              <a:t>NYKYISET STRATEGISET LINJAUKSET</a:t>
            </a:r>
          </a:p>
          <a:p>
            <a:pPr lvl="0" algn="ctr"/>
            <a:r>
              <a:rPr lang="fi-FI" sz="1100">
                <a:solidFill>
                  <a:prstClr val="black"/>
                </a:solidFill>
              </a:rPr>
              <a:t>Vantaan ja Keravan kaupunkien, sote-toimialojen sekä pelastustoimen strategiset linjaukset ja palvelutuotannon tavoitteet. 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2ABBBB29-D0CD-4D3D-9506-1E1CCB737BEC}"/>
              </a:ext>
            </a:extLst>
          </p:cNvPr>
          <p:cNvSpPr/>
          <p:nvPr/>
        </p:nvSpPr>
        <p:spPr>
          <a:xfrm>
            <a:off x="7186395" y="5471318"/>
            <a:ext cx="4896751" cy="769441"/>
          </a:xfrm>
          <a:prstGeom prst="rect">
            <a:avLst/>
          </a:prstGeom>
          <a:solidFill>
            <a:schemeClr val="bg1">
              <a:alpha val="50000"/>
            </a:schemeClr>
          </a:solidFill>
        </p:spPr>
        <p:txBody>
          <a:bodyPr wrap="square">
            <a:spAutoFit/>
          </a:bodyPr>
          <a:lstStyle/>
          <a:p>
            <a:pPr lvl="0"/>
            <a:r>
              <a:rPr lang="fi-FI" sz="1100"/>
              <a:t>-&gt;  Uuden organisaation strategiatyössä huomioidaan valmistelun reunaehdot, aikataulut ja turvallisen siirtymän (palvelujen jatkuvuus, työhyvinvointi) merkitys</a:t>
            </a:r>
          </a:p>
          <a:p>
            <a:pPr lvl="0"/>
            <a:r>
              <a:rPr lang="fi-FI" sz="1100"/>
              <a:t>-&gt; Työssä tunnistetaan myös muutoshetkessä avautuva mahdollisuus toiminnan uudistamiseen sekä määritellään suunta, johon hyvinvointialuetta halutaan ohjata</a:t>
            </a:r>
          </a:p>
        </p:txBody>
      </p:sp>
      <p:sp>
        <p:nvSpPr>
          <p:cNvPr id="22" name="Freeform 904">
            <a:extLst>
              <a:ext uri="{FF2B5EF4-FFF2-40B4-BE49-F238E27FC236}">
                <a16:creationId xmlns:a16="http://schemas.microsoft.com/office/drawing/2014/main" id="{1D4A2E92-BD2F-44E1-BA3B-438824CA8F52}"/>
              </a:ext>
            </a:extLst>
          </p:cNvPr>
          <p:cNvSpPr>
            <a:spLocks noEditPoints="1"/>
          </p:cNvSpPr>
          <p:nvPr/>
        </p:nvSpPr>
        <p:spPr bwMode="auto">
          <a:xfrm>
            <a:off x="4039248" y="3971723"/>
            <a:ext cx="655221" cy="554578"/>
          </a:xfrm>
          <a:custGeom>
            <a:avLst/>
            <a:gdLst>
              <a:gd name="T0" fmla="*/ 296 w 300"/>
              <a:gd name="T1" fmla="*/ 25 h 246"/>
              <a:gd name="T2" fmla="*/ 281 w 300"/>
              <a:gd name="T3" fmla="*/ 24 h 246"/>
              <a:gd name="T4" fmla="*/ 245 w 300"/>
              <a:gd name="T5" fmla="*/ 55 h 246"/>
              <a:gd name="T6" fmla="*/ 245 w 300"/>
              <a:gd name="T7" fmla="*/ 11 h 246"/>
              <a:gd name="T8" fmla="*/ 235 w 300"/>
              <a:gd name="T9" fmla="*/ 0 h 246"/>
              <a:gd name="T10" fmla="*/ 11 w 300"/>
              <a:gd name="T11" fmla="*/ 0 h 246"/>
              <a:gd name="T12" fmla="*/ 0 w 300"/>
              <a:gd name="T13" fmla="*/ 11 h 246"/>
              <a:gd name="T14" fmla="*/ 0 w 300"/>
              <a:gd name="T15" fmla="*/ 235 h 246"/>
              <a:gd name="T16" fmla="*/ 11 w 300"/>
              <a:gd name="T17" fmla="*/ 246 h 246"/>
              <a:gd name="T18" fmla="*/ 235 w 300"/>
              <a:gd name="T19" fmla="*/ 246 h 246"/>
              <a:gd name="T20" fmla="*/ 245 w 300"/>
              <a:gd name="T21" fmla="*/ 235 h 246"/>
              <a:gd name="T22" fmla="*/ 245 w 300"/>
              <a:gd name="T23" fmla="*/ 84 h 246"/>
              <a:gd name="T24" fmla="*/ 295 w 300"/>
              <a:gd name="T25" fmla="*/ 40 h 246"/>
              <a:gd name="T26" fmla="*/ 296 w 300"/>
              <a:gd name="T27" fmla="*/ 25 h 246"/>
              <a:gd name="T28" fmla="*/ 224 w 300"/>
              <a:gd name="T29" fmla="*/ 224 h 246"/>
              <a:gd name="T30" fmla="*/ 21 w 300"/>
              <a:gd name="T31" fmla="*/ 224 h 246"/>
              <a:gd name="T32" fmla="*/ 21 w 300"/>
              <a:gd name="T33" fmla="*/ 22 h 246"/>
              <a:gd name="T34" fmla="*/ 224 w 300"/>
              <a:gd name="T35" fmla="*/ 22 h 246"/>
              <a:gd name="T36" fmla="*/ 224 w 300"/>
              <a:gd name="T37" fmla="*/ 74 h 246"/>
              <a:gd name="T38" fmla="*/ 119 w 300"/>
              <a:gd name="T39" fmla="*/ 166 h 246"/>
              <a:gd name="T40" fmla="*/ 72 w 300"/>
              <a:gd name="T41" fmla="*/ 111 h 246"/>
              <a:gd name="T42" fmla="*/ 57 w 300"/>
              <a:gd name="T43" fmla="*/ 109 h 246"/>
              <a:gd name="T44" fmla="*/ 56 w 300"/>
              <a:gd name="T45" fmla="*/ 125 h 246"/>
              <a:gd name="T46" fmla="*/ 109 w 300"/>
              <a:gd name="T47" fmla="*/ 189 h 246"/>
              <a:gd name="T48" fmla="*/ 109 w 300"/>
              <a:gd name="T49" fmla="*/ 189 h 246"/>
              <a:gd name="T50" fmla="*/ 117 w 300"/>
              <a:gd name="T51" fmla="*/ 192 h 246"/>
              <a:gd name="T52" fmla="*/ 124 w 300"/>
              <a:gd name="T53" fmla="*/ 190 h 246"/>
              <a:gd name="T54" fmla="*/ 224 w 300"/>
              <a:gd name="T55" fmla="*/ 103 h 246"/>
              <a:gd name="T56" fmla="*/ 224 w 300"/>
              <a:gd name="T57" fmla="*/ 224 h 24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</a:cxnLst>
            <a:rect l="0" t="0" r="r" b="b"/>
            <a:pathLst>
              <a:path w="300" h="246">
                <a:moveTo>
                  <a:pt x="296" y="25"/>
                </a:moveTo>
                <a:cubicBezTo>
                  <a:pt x="292" y="21"/>
                  <a:pt x="285" y="20"/>
                  <a:pt x="281" y="24"/>
                </a:cubicBezTo>
                <a:cubicBezTo>
                  <a:pt x="245" y="55"/>
                  <a:pt x="245" y="55"/>
                  <a:pt x="245" y="55"/>
                </a:cubicBezTo>
                <a:cubicBezTo>
                  <a:pt x="245" y="11"/>
                  <a:pt x="245" y="11"/>
                  <a:pt x="245" y="11"/>
                </a:cubicBezTo>
                <a:cubicBezTo>
                  <a:pt x="245" y="5"/>
                  <a:pt x="241" y="0"/>
                  <a:pt x="235" y="0"/>
                </a:cubicBezTo>
                <a:cubicBezTo>
                  <a:pt x="11" y="0"/>
                  <a:pt x="11" y="0"/>
                  <a:pt x="11" y="0"/>
                </a:cubicBezTo>
                <a:cubicBezTo>
                  <a:pt x="5" y="0"/>
                  <a:pt x="0" y="5"/>
                  <a:pt x="0" y="11"/>
                </a:cubicBezTo>
                <a:cubicBezTo>
                  <a:pt x="0" y="235"/>
                  <a:pt x="0" y="235"/>
                  <a:pt x="0" y="235"/>
                </a:cubicBezTo>
                <a:cubicBezTo>
                  <a:pt x="0" y="241"/>
                  <a:pt x="5" y="246"/>
                  <a:pt x="11" y="246"/>
                </a:cubicBezTo>
                <a:cubicBezTo>
                  <a:pt x="235" y="246"/>
                  <a:pt x="235" y="246"/>
                  <a:pt x="235" y="246"/>
                </a:cubicBezTo>
                <a:cubicBezTo>
                  <a:pt x="241" y="246"/>
                  <a:pt x="245" y="241"/>
                  <a:pt x="245" y="235"/>
                </a:cubicBezTo>
                <a:cubicBezTo>
                  <a:pt x="245" y="84"/>
                  <a:pt x="245" y="84"/>
                  <a:pt x="245" y="84"/>
                </a:cubicBezTo>
                <a:cubicBezTo>
                  <a:pt x="295" y="40"/>
                  <a:pt x="295" y="40"/>
                  <a:pt x="295" y="40"/>
                </a:cubicBezTo>
                <a:cubicBezTo>
                  <a:pt x="299" y="36"/>
                  <a:pt x="300" y="30"/>
                  <a:pt x="296" y="25"/>
                </a:cubicBezTo>
                <a:close/>
                <a:moveTo>
                  <a:pt x="224" y="224"/>
                </a:moveTo>
                <a:cubicBezTo>
                  <a:pt x="21" y="224"/>
                  <a:pt x="21" y="224"/>
                  <a:pt x="21" y="224"/>
                </a:cubicBezTo>
                <a:cubicBezTo>
                  <a:pt x="21" y="22"/>
                  <a:pt x="21" y="22"/>
                  <a:pt x="21" y="22"/>
                </a:cubicBezTo>
                <a:cubicBezTo>
                  <a:pt x="224" y="22"/>
                  <a:pt x="224" y="22"/>
                  <a:pt x="224" y="22"/>
                </a:cubicBezTo>
                <a:cubicBezTo>
                  <a:pt x="224" y="74"/>
                  <a:pt x="224" y="74"/>
                  <a:pt x="224" y="74"/>
                </a:cubicBezTo>
                <a:cubicBezTo>
                  <a:pt x="119" y="166"/>
                  <a:pt x="119" y="166"/>
                  <a:pt x="119" y="166"/>
                </a:cubicBezTo>
                <a:cubicBezTo>
                  <a:pt x="72" y="111"/>
                  <a:pt x="72" y="111"/>
                  <a:pt x="72" y="111"/>
                </a:cubicBezTo>
                <a:cubicBezTo>
                  <a:pt x="68" y="106"/>
                  <a:pt x="62" y="106"/>
                  <a:pt x="57" y="109"/>
                </a:cubicBezTo>
                <a:cubicBezTo>
                  <a:pt x="53" y="113"/>
                  <a:pt x="52" y="120"/>
                  <a:pt x="56" y="125"/>
                </a:cubicBezTo>
                <a:cubicBezTo>
                  <a:pt x="109" y="189"/>
                  <a:pt x="109" y="189"/>
                  <a:pt x="109" y="189"/>
                </a:cubicBezTo>
                <a:cubicBezTo>
                  <a:pt x="109" y="189"/>
                  <a:pt x="109" y="189"/>
                  <a:pt x="109" y="189"/>
                </a:cubicBezTo>
                <a:cubicBezTo>
                  <a:pt x="111" y="191"/>
                  <a:pt x="114" y="192"/>
                  <a:pt x="117" y="192"/>
                </a:cubicBezTo>
                <a:cubicBezTo>
                  <a:pt x="120" y="192"/>
                  <a:pt x="122" y="191"/>
                  <a:pt x="124" y="190"/>
                </a:cubicBezTo>
                <a:cubicBezTo>
                  <a:pt x="224" y="103"/>
                  <a:pt x="224" y="103"/>
                  <a:pt x="224" y="103"/>
                </a:cubicBezTo>
                <a:lnTo>
                  <a:pt x="224" y="224"/>
                </a:lnTo>
                <a:close/>
              </a:path>
            </a:pathLst>
          </a:custGeom>
          <a:solidFill>
            <a:schemeClr val="accent2">
              <a:lumMod val="50000"/>
            </a:schemeClr>
          </a:solidFill>
          <a:ln>
            <a:solidFill>
              <a:srgbClr val="DDEFE8"/>
            </a:solidFill>
          </a:ln>
          <a:extLs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1200" cap="none" spc="0" normalizeH="0" baseline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27" name="Hexagon 58">
            <a:extLst>
              <a:ext uri="{FF2B5EF4-FFF2-40B4-BE49-F238E27FC236}">
                <a16:creationId xmlns:a16="http://schemas.microsoft.com/office/drawing/2014/main" id="{88970925-935C-4E2A-8AD0-74B57CF41BC8}"/>
              </a:ext>
            </a:extLst>
          </p:cNvPr>
          <p:cNvSpPr/>
          <p:nvPr/>
        </p:nvSpPr>
        <p:spPr bwMode="gray">
          <a:xfrm rot="16200000">
            <a:off x="1650129" y="3701467"/>
            <a:ext cx="377180" cy="1508719"/>
          </a:xfrm>
          <a:custGeom>
            <a:avLst/>
            <a:gdLst>
              <a:gd name="connsiteX0" fmla="*/ 0 w 1682040"/>
              <a:gd name="connsiteY0" fmla="*/ 725017 h 1450034"/>
              <a:gd name="connsiteX1" fmla="*/ 362509 w 1682040"/>
              <a:gd name="connsiteY1" fmla="*/ 0 h 1450034"/>
              <a:gd name="connsiteX2" fmla="*/ 1319532 w 1682040"/>
              <a:gd name="connsiteY2" fmla="*/ 0 h 1450034"/>
              <a:gd name="connsiteX3" fmla="*/ 1682040 w 1682040"/>
              <a:gd name="connsiteY3" fmla="*/ 725017 h 1450034"/>
              <a:gd name="connsiteX4" fmla="*/ 1319532 w 1682040"/>
              <a:gd name="connsiteY4" fmla="*/ 1450034 h 1450034"/>
              <a:gd name="connsiteX5" fmla="*/ 362509 w 1682040"/>
              <a:gd name="connsiteY5" fmla="*/ 1450034 h 1450034"/>
              <a:gd name="connsiteX6" fmla="*/ 0 w 1682040"/>
              <a:gd name="connsiteY6" fmla="*/ 725017 h 1450034"/>
              <a:gd name="connsiteX0" fmla="*/ 1319532 w 1682040"/>
              <a:gd name="connsiteY0" fmla="*/ 0 h 1450034"/>
              <a:gd name="connsiteX1" fmla="*/ 1682040 w 1682040"/>
              <a:gd name="connsiteY1" fmla="*/ 725017 h 1450034"/>
              <a:gd name="connsiteX2" fmla="*/ 1319532 w 1682040"/>
              <a:gd name="connsiteY2" fmla="*/ 1450034 h 1450034"/>
              <a:gd name="connsiteX3" fmla="*/ 362509 w 1682040"/>
              <a:gd name="connsiteY3" fmla="*/ 1450034 h 1450034"/>
              <a:gd name="connsiteX4" fmla="*/ 0 w 1682040"/>
              <a:gd name="connsiteY4" fmla="*/ 725017 h 1450034"/>
              <a:gd name="connsiteX5" fmla="*/ 362509 w 1682040"/>
              <a:gd name="connsiteY5" fmla="*/ 0 h 1450034"/>
              <a:gd name="connsiteX6" fmla="*/ 1410972 w 1682040"/>
              <a:gd name="connsiteY6" fmla="*/ 91440 h 1450034"/>
              <a:gd name="connsiteX0" fmla="*/ 1319532 w 1682040"/>
              <a:gd name="connsiteY0" fmla="*/ 0 h 1450034"/>
              <a:gd name="connsiteX1" fmla="*/ 1682040 w 1682040"/>
              <a:gd name="connsiteY1" fmla="*/ 725017 h 1450034"/>
              <a:gd name="connsiteX2" fmla="*/ 1319532 w 1682040"/>
              <a:gd name="connsiteY2" fmla="*/ 1450034 h 1450034"/>
              <a:gd name="connsiteX3" fmla="*/ 362509 w 1682040"/>
              <a:gd name="connsiteY3" fmla="*/ 1450034 h 1450034"/>
              <a:gd name="connsiteX4" fmla="*/ 0 w 1682040"/>
              <a:gd name="connsiteY4" fmla="*/ 725017 h 1450034"/>
              <a:gd name="connsiteX5" fmla="*/ 362509 w 1682040"/>
              <a:gd name="connsiteY5" fmla="*/ 0 h 1450034"/>
              <a:gd name="connsiteX0" fmla="*/ 1319532 w 1319532"/>
              <a:gd name="connsiteY0" fmla="*/ 0 h 1450034"/>
              <a:gd name="connsiteX1" fmla="*/ 1319532 w 1319532"/>
              <a:gd name="connsiteY1" fmla="*/ 1450034 h 1450034"/>
              <a:gd name="connsiteX2" fmla="*/ 362509 w 1319532"/>
              <a:gd name="connsiteY2" fmla="*/ 1450034 h 1450034"/>
              <a:gd name="connsiteX3" fmla="*/ 0 w 1319532"/>
              <a:gd name="connsiteY3" fmla="*/ 725017 h 1450034"/>
              <a:gd name="connsiteX4" fmla="*/ 362509 w 1319532"/>
              <a:gd name="connsiteY4" fmla="*/ 0 h 1450034"/>
              <a:gd name="connsiteX0" fmla="*/ 1319532 w 1319532"/>
              <a:gd name="connsiteY0" fmla="*/ 0 h 1450034"/>
              <a:gd name="connsiteX1" fmla="*/ 362509 w 1319532"/>
              <a:gd name="connsiteY1" fmla="*/ 1450034 h 1450034"/>
              <a:gd name="connsiteX2" fmla="*/ 0 w 1319532"/>
              <a:gd name="connsiteY2" fmla="*/ 725017 h 1450034"/>
              <a:gd name="connsiteX3" fmla="*/ 362509 w 1319532"/>
              <a:gd name="connsiteY3" fmla="*/ 0 h 1450034"/>
              <a:gd name="connsiteX0" fmla="*/ 362509 w 362509"/>
              <a:gd name="connsiteY0" fmla="*/ 1450034 h 1450034"/>
              <a:gd name="connsiteX1" fmla="*/ 0 w 362509"/>
              <a:gd name="connsiteY1" fmla="*/ 725017 h 1450034"/>
              <a:gd name="connsiteX2" fmla="*/ 362509 w 362509"/>
              <a:gd name="connsiteY2" fmla="*/ 0 h 14500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62509" h="1450034">
                <a:moveTo>
                  <a:pt x="362509" y="1450034"/>
                </a:moveTo>
                <a:lnTo>
                  <a:pt x="0" y="725017"/>
                </a:lnTo>
                <a:lnTo>
                  <a:pt x="362509" y="0"/>
                </a:lnTo>
              </a:path>
            </a:pathLst>
          </a:custGeom>
          <a:noFill/>
          <a:ln w="19050" algn="ctr">
            <a:solidFill>
              <a:srgbClr val="A7A8AA"/>
            </a:solidFill>
            <a:prstDash val="sysDot"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fi-FI" sz="1600" b="1" i="0" u="none" strike="noStrike" kern="120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28" name="Hexagon 58">
            <a:extLst>
              <a:ext uri="{FF2B5EF4-FFF2-40B4-BE49-F238E27FC236}">
                <a16:creationId xmlns:a16="http://schemas.microsoft.com/office/drawing/2014/main" id="{587A5B42-4EF6-450D-8954-128C16AFE090}"/>
              </a:ext>
            </a:extLst>
          </p:cNvPr>
          <p:cNvSpPr/>
          <p:nvPr/>
        </p:nvSpPr>
        <p:spPr bwMode="gray">
          <a:xfrm rot="16200000">
            <a:off x="6783715" y="3681050"/>
            <a:ext cx="377180" cy="1508719"/>
          </a:xfrm>
          <a:custGeom>
            <a:avLst/>
            <a:gdLst>
              <a:gd name="connsiteX0" fmla="*/ 0 w 1682040"/>
              <a:gd name="connsiteY0" fmla="*/ 725017 h 1450034"/>
              <a:gd name="connsiteX1" fmla="*/ 362509 w 1682040"/>
              <a:gd name="connsiteY1" fmla="*/ 0 h 1450034"/>
              <a:gd name="connsiteX2" fmla="*/ 1319532 w 1682040"/>
              <a:gd name="connsiteY2" fmla="*/ 0 h 1450034"/>
              <a:gd name="connsiteX3" fmla="*/ 1682040 w 1682040"/>
              <a:gd name="connsiteY3" fmla="*/ 725017 h 1450034"/>
              <a:gd name="connsiteX4" fmla="*/ 1319532 w 1682040"/>
              <a:gd name="connsiteY4" fmla="*/ 1450034 h 1450034"/>
              <a:gd name="connsiteX5" fmla="*/ 362509 w 1682040"/>
              <a:gd name="connsiteY5" fmla="*/ 1450034 h 1450034"/>
              <a:gd name="connsiteX6" fmla="*/ 0 w 1682040"/>
              <a:gd name="connsiteY6" fmla="*/ 725017 h 1450034"/>
              <a:gd name="connsiteX0" fmla="*/ 1319532 w 1682040"/>
              <a:gd name="connsiteY0" fmla="*/ 0 h 1450034"/>
              <a:gd name="connsiteX1" fmla="*/ 1682040 w 1682040"/>
              <a:gd name="connsiteY1" fmla="*/ 725017 h 1450034"/>
              <a:gd name="connsiteX2" fmla="*/ 1319532 w 1682040"/>
              <a:gd name="connsiteY2" fmla="*/ 1450034 h 1450034"/>
              <a:gd name="connsiteX3" fmla="*/ 362509 w 1682040"/>
              <a:gd name="connsiteY3" fmla="*/ 1450034 h 1450034"/>
              <a:gd name="connsiteX4" fmla="*/ 0 w 1682040"/>
              <a:gd name="connsiteY4" fmla="*/ 725017 h 1450034"/>
              <a:gd name="connsiteX5" fmla="*/ 362509 w 1682040"/>
              <a:gd name="connsiteY5" fmla="*/ 0 h 1450034"/>
              <a:gd name="connsiteX6" fmla="*/ 1410972 w 1682040"/>
              <a:gd name="connsiteY6" fmla="*/ 91440 h 1450034"/>
              <a:gd name="connsiteX0" fmla="*/ 1319532 w 1682040"/>
              <a:gd name="connsiteY0" fmla="*/ 0 h 1450034"/>
              <a:gd name="connsiteX1" fmla="*/ 1682040 w 1682040"/>
              <a:gd name="connsiteY1" fmla="*/ 725017 h 1450034"/>
              <a:gd name="connsiteX2" fmla="*/ 1319532 w 1682040"/>
              <a:gd name="connsiteY2" fmla="*/ 1450034 h 1450034"/>
              <a:gd name="connsiteX3" fmla="*/ 362509 w 1682040"/>
              <a:gd name="connsiteY3" fmla="*/ 1450034 h 1450034"/>
              <a:gd name="connsiteX4" fmla="*/ 0 w 1682040"/>
              <a:gd name="connsiteY4" fmla="*/ 725017 h 1450034"/>
              <a:gd name="connsiteX5" fmla="*/ 362509 w 1682040"/>
              <a:gd name="connsiteY5" fmla="*/ 0 h 1450034"/>
              <a:gd name="connsiteX0" fmla="*/ 1319532 w 1319532"/>
              <a:gd name="connsiteY0" fmla="*/ 0 h 1450034"/>
              <a:gd name="connsiteX1" fmla="*/ 1319532 w 1319532"/>
              <a:gd name="connsiteY1" fmla="*/ 1450034 h 1450034"/>
              <a:gd name="connsiteX2" fmla="*/ 362509 w 1319532"/>
              <a:gd name="connsiteY2" fmla="*/ 1450034 h 1450034"/>
              <a:gd name="connsiteX3" fmla="*/ 0 w 1319532"/>
              <a:gd name="connsiteY3" fmla="*/ 725017 h 1450034"/>
              <a:gd name="connsiteX4" fmla="*/ 362509 w 1319532"/>
              <a:gd name="connsiteY4" fmla="*/ 0 h 1450034"/>
              <a:gd name="connsiteX0" fmla="*/ 1319532 w 1319532"/>
              <a:gd name="connsiteY0" fmla="*/ 0 h 1450034"/>
              <a:gd name="connsiteX1" fmla="*/ 362509 w 1319532"/>
              <a:gd name="connsiteY1" fmla="*/ 1450034 h 1450034"/>
              <a:gd name="connsiteX2" fmla="*/ 0 w 1319532"/>
              <a:gd name="connsiteY2" fmla="*/ 725017 h 1450034"/>
              <a:gd name="connsiteX3" fmla="*/ 362509 w 1319532"/>
              <a:gd name="connsiteY3" fmla="*/ 0 h 1450034"/>
              <a:gd name="connsiteX0" fmla="*/ 362509 w 362509"/>
              <a:gd name="connsiteY0" fmla="*/ 1450034 h 1450034"/>
              <a:gd name="connsiteX1" fmla="*/ 0 w 362509"/>
              <a:gd name="connsiteY1" fmla="*/ 725017 h 1450034"/>
              <a:gd name="connsiteX2" fmla="*/ 362509 w 362509"/>
              <a:gd name="connsiteY2" fmla="*/ 0 h 14500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62509" h="1450034">
                <a:moveTo>
                  <a:pt x="362509" y="1450034"/>
                </a:moveTo>
                <a:lnTo>
                  <a:pt x="0" y="725017"/>
                </a:lnTo>
                <a:lnTo>
                  <a:pt x="362509" y="0"/>
                </a:lnTo>
              </a:path>
            </a:pathLst>
          </a:custGeom>
          <a:noFill/>
          <a:ln w="19050" algn="ctr">
            <a:solidFill>
              <a:srgbClr val="A7A8AA"/>
            </a:solidFill>
            <a:prstDash val="sysDot"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fi-FI" sz="1600" b="1" i="0" u="none" strike="noStrike" kern="120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31" name="Hexagon 58">
            <a:extLst>
              <a:ext uri="{FF2B5EF4-FFF2-40B4-BE49-F238E27FC236}">
                <a16:creationId xmlns:a16="http://schemas.microsoft.com/office/drawing/2014/main" id="{6506042A-9EC7-45B6-B9C9-4F7E8FB54739}"/>
              </a:ext>
            </a:extLst>
          </p:cNvPr>
          <p:cNvSpPr/>
          <p:nvPr/>
        </p:nvSpPr>
        <p:spPr bwMode="gray">
          <a:xfrm rot="5400000" flipV="1">
            <a:off x="4112038" y="2610198"/>
            <a:ext cx="377180" cy="1508719"/>
          </a:xfrm>
          <a:custGeom>
            <a:avLst/>
            <a:gdLst>
              <a:gd name="connsiteX0" fmla="*/ 0 w 1682040"/>
              <a:gd name="connsiteY0" fmla="*/ 725017 h 1450034"/>
              <a:gd name="connsiteX1" fmla="*/ 362509 w 1682040"/>
              <a:gd name="connsiteY1" fmla="*/ 0 h 1450034"/>
              <a:gd name="connsiteX2" fmla="*/ 1319532 w 1682040"/>
              <a:gd name="connsiteY2" fmla="*/ 0 h 1450034"/>
              <a:gd name="connsiteX3" fmla="*/ 1682040 w 1682040"/>
              <a:gd name="connsiteY3" fmla="*/ 725017 h 1450034"/>
              <a:gd name="connsiteX4" fmla="*/ 1319532 w 1682040"/>
              <a:gd name="connsiteY4" fmla="*/ 1450034 h 1450034"/>
              <a:gd name="connsiteX5" fmla="*/ 362509 w 1682040"/>
              <a:gd name="connsiteY5" fmla="*/ 1450034 h 1450034"/>
              <a:gd name="connsiteX6" fmla="*/ 0 w 1682040"/>
              <a:gd name="connsiteY6" fmla="*/ 725017 h 1450034"/>
              <a:gd name="connsiteX0" fmla="*/ 1319532 w 1682040"/>
              <a:gd name="connsiteY0" fmla="*/ 0 h 1450034"/>
              <a:gd name="connsiteX1" fmla="*/ 1682040 w 1682040"/>
              <a:gd name="connsiteY1" fmla="*/ 725017 h 1450034"/>
              <a:gd name="connsiteX2" fmla="*/ 1319532 w 1682040"/>
              <a:gd name="connsiteY2" fmla="*/ 1450034 h 1450034"/>
              <a:gd name="connsiteX3" fmla="*/ 362509 w 1682040"/>
              <a:gd name="connsiteY3" fmla="*/ 1450034 h 1450034"/>
              <a:gd name="connsiteX4" fmla="*/ 0 w 1682040"/>
              <a:gd name="connsiteY4" fmla="*/ 725017 h 1450034"/>
              <a:gd name="connsiteX5" fmla="*/ 362509 w 1682040"/>
              <a:gd name="connsiteY5" fmla="*/ 0 h 1450034"/>
              <a:gd name="connsiteX6" fmla="*/ 1410972 w 1682040"/>
              <a:gd name="connsiteY6" fmla="*/ 91440 h 1450034"/>
              <a:gd name="connsiteX0" fmla="*/ 1319532 w 1682040"/>
              <a:gd name="connsiteY0" fmla="*/ 0 h 1450034"/>
              <a:gd name="connsiteX1" fmla="*/ 1682040 w 1682040"/>
              <a:gd name="connsiteY1" fmla="*/ 725017 h 1450034"/>
              <a:gd name="connsiteX2" fmla="*/ 1319532 w 1682040"/>
              <a:gd name="connsiteY2" fmla="*/ 1450034 h 1450034"/>
              <a:gd name="connsiteX3" fmla="*/ 362509 w 1682040"/>
              <a:gd name="connsiteY3" fmla="*/ 1450034 h 1450034"/>
              <a:gd name="connsiteX4" fmla="*/ 0 w 1682040"/>
              <a:gd name="connsiteY4" fmla="*/ 725017 h 1450034"/>
              <a:gd name="connsiteX5" fmla="*/ 362509 w 1682040"/>
              <a:gd name="connsiteY5" fmla="*/ 0 h 1450034"/>
              <a:gd name="connsiteX0" fmla="*/ 1319532 w 1319532"/>
              <a:gd name="connsiteY0" fmla="*/ 0 h 1450034"/>
              <a:gd name="connsiteX1" fmla="*/ 1319532 w 1319532"/>
              <a:gd name="connsiteY1" fmla="*/ 1450034 h 1450034"/>
              <a:gd name="connsiteX2" fmla="*/ 362509 w 1319532"/>
              <a:gd name="connsiteY2" fmla="*/ 1450034 h 1450034"/>
              <a:gd name="connsiteX3" fmla="*/ 0 w 1319532"/>
              <a:gd name="connsiteY3" fmla="*/ 725017 h 1450034"/>
              <a:gd name="connsiteX4" fmla="*/ 362509 w 1319532"/>
              <a:gd name="connsiteY4" fmla="*/ 0 h 1450034"/>
              <a:gd name="connsiteX0" fmla="*/ 1319532 w 1319532"/>
              <a:gd name="connsiteY0" fmla="*/ 0 h 1450034"/>
              <a:gd name="connsiteX1" fmla="*/ 362509 w 1319532"/>
              <a:gd name="connsiteY1" fmla="*/ 1450034 h 1450034"/>
              <a:gd name="connsiteX2" fmla="*/ 0 w 1319532"/>
              <a:gd name="connsiteY2" fmla="*/ 725017 h 1450034"/>
              <a:gd name="connsiteX3" fmla="*/ 362509 w 1319532"/>
              <a:gd name="connsiteY3" fmla="*/ 0 h 1450034"/>
              <a:gd name="connsiteX0" fmla="*/ 362509 w 362509"/>
              <a:gd name="connsiteY0" fmla="*/ 1450034 h 1450034"/>
              <a:gd name="connsiteX1" fmla="*/ 0 w 362509"/>
              <a:gd name="connsiteY1" fmla="*/ 725017 h 1450034"/>
              <a:gd name="connsiteX2" fmla="*/ 362509 w 362509"/>
              <a:gd name="connsiteY2" fmla="*/ 0 h 14500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62509" h="1450034">
                <a:moveTo>
                  <a:pt x="362509" y="1450034"/>
                </a:moveTo>
                <a:lnTo>
                  <a:pt x="0" y="725017"/>
                </a:lnTo>
                <a:lnTo>
                  <a:pt x="362509" y="0"/>
                </a:lnTo>
              </a:path>
            </a:pathLst>
          </a:custGeom>
          <a:noFill/>
          <a:ln w="19050" algn="ctr">
            <a:solidFill>
              <a:srgbClr val="A7A8AA"/>
            </a:solidFill>
            <a:prstDash val="sysDot"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fi-FI" sz="1600" b="1" i="0" u="none" strike="noStrike" kern="120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grpSp>
        <p:nvGrpSpPr>
          <p:cNvPr id="42" name="Group 979">
            <a:extLst>
              <a:ext uri="{FF2B5EF4-FFF2-40B4-BE49-F238E27FC236}">
                <a16:creationId xmlns:a16="http://schemas.microsoft.com/office/drawing/2014/main" id="{52F27D27-3D6D-4260-8B80-1E2F8DAE5BBB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1527707" y="3300711"/>
            <a:ext cx="610203" cy="612000"/>
            <a:chOff x="2032" y="4237"/>
            <a:chExt cx="340" cy="341"/>
          </a:xfrm>
          <a:solidFill>
            <a:schemeClr val="accent1"/>
          </a:solidFill>
        </p:grpSpPr>
        <p:sp>
          <p:nvSpPr>
            <p:cNvPr id="43" name="Freeform 980">
              <a:extLst>
                <a:ext uri="{FF2B5EF4-FFF2-40B4-BE49-F238E27FC236}">
                  <a16:creationId xmlns:a16="http://schemas.microsoft.com/office/drawing/2014/main" id="{4BA72EC1-487E-4AB4-BBDB-15D5BBA8EC4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032" y="4237"/>
              <a:ext cx="340" cy="341"/>
            </a:xfrm>
            <a:custGeom>
              <a:avLst/>
              <a:gdLst>
                <a:gd name="T0" fmla="*/ 256 w 512"/>
                <a:gd name="T1" fmla="*/ 21 h 512"/>
                <a:gd name="T2" fmla="*/ 490 w 512"/>
                <a:gd name="T3" fmla="*/ 256 h 512"/>
                <a:gd name="T4" fmla="*/ 256 w 512"/>
                <a:gd name="T5" fmla="*/ 490 h 512"/>
                <a:gd name="T6" fmla="*/ 21 w 512"/>
                <a:gd name="T7" fmla="*/ 256 h 512"/>
                <a:gd name="T8" fmla="*/ 256 w 512"/>
                <a:gd name="T9" fmla="*/ 21 h 512"/>
                <a:gd name="T10" fmla="*/ 256 w 512"/>
                <a:gd name="T11" fmla="*/ 0 h 512"/>
                <a:gd name="T12" fmla="*/ 0 w 512"/>
                <a:gd name="T13" fmla="*/ 256 h 512"/>
                <a:gd name="T14" fmla="*/ 256 w 512"/>
                <a:gd name="T15" fmla="*/ 512 h 512"/>
                <a:gd name="T16" fmla="*/ 512 w 512"/>
                <a:gd name="T17" fmla="*/ 256 h 512"/>
                <a:gd name="T18" fmla="*/ 256 w 512"/>
                <a:gd name="T19" fmla="*/ 0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12" h="512">
                  <a:moveTo>
                    <a:pt x="256" y="21"/>
                  </a:moveTo>
                  <a:cubicBezTo>
                    <a:pt x="385" y="21"/>
                    <a:pt x="490" y="126"/>
                    <a:pt x="490" y="256"/>
                  </a:cubicBezTo>
                  <a:cubicBezTo>
                    <a:pt x="490" y="385"/>
                    <a:pt x="385" y="490"/>
                    <a:pt x="256" y="490"/>
                  </a:cubicBezTo>
                  <a:cubicBezTo>
                    <a:pt x="126" y="490"/>
                    <a:pt x="21" y="385"/>
                    <a:pt x="21" y="256"/>
                  </a:cubicBezTo>
                  <a:cubicBezTo>
                    <a:pt x="21" y="126"/>
                    <a:pt x="126" y="21"/>
                    <a:pt x="256" y="21"/>
                  </a:cubicBezTo>
                  <a:moveTo>
                    <a:pt x="256" y="0"/>
                  </a:moveTo>
                  <a:cubicBezTo>
                    <a:pt x="114" y="0"/>
                    <a:pt x="0" y="114"/>
                    <a:pt x="0" y="256"/>
                  </a:cubicBezTo>
                  <a:cubicBezTo>
                    <a:pt x="0" y="397"/>
                    <a:pt x="114" y="512"/>
                    <a:pt x="256" y="512"/>
                  </a:cubicBezTo>
                  <a:cubicBezTo>
                    <a:pt x="397" y="512"/>
                    <a:pt x="512" y="397"/>
                    <a:pt x="512" y="256"/>
                  </a:cubicBezTo>
                  <a:cubicBezTo>
                    <a:pt x="512" y="114"/>
                    <a:pt x="397" y="0"/>
                    <a:pt x="256" y="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i-FI"/>
            </a:p>
          </p:txBody>
        </p:sp>
        <p:sp>
          <p:nvSpPr>
            <p:cNvPr id="44" name="Freeform 981">
              <a:extLst>
                <a:ext uri="{FF2B5EF4-FFF2-40B4-BE49-F238E27FC236}">
                  <a16:creationId xmlns:a16="http://schemas.microsoft.com/office/drawing/2014/main" id="{87617FB1-97DA-4045-B89B-C98C4D7DCA36}"/>
                </a:ext>
              </a:extLst>
            </p:cNvPr>
            <p:cNvSpPr>
              <a:spLocks/>
            </p:cNvSpPr>
            <p:nvPr/>
          </p:nvSpPr>
          <p:spPr bwMode="auto">
            <a:xfrm>
              <a:off x="2110" y="4471"/>
              <a:ext cx="99" cy="14"/>
            </a:xfrm>
            <a:custGeom>
              <a:avLst/>
              <a:gdLst>
                <a:gd name="T0" fmla="*/ 139 w 149"/>
                <a:gd name="T1" fmla="*/ 0 h 21"/>
                <a:gd name="T2" fmla="*/ 11 w 149"/>
                <a:gd name="T3" fmla="*/ 0 h 21"/>
                <a:gd name="T4" fmla="*/ 0 w 149"/>
                <a:gd name="T5" fmla="*/ 10 h 21"/>
                <a:gd name="T6" fmla="*/ 11 w 149"/>
                <a:gd name="T7" fmla="*/ 21 h 21"/>
                <a:gd name="T8" fmla="*/ 139 w 149"/>
                <a:gd name="T9" fmla="*/ 21 h 21"/>
                <a:gd name="T10" fmla="*/ 149 w 149"/>
                <a:gd name="T11" fmla="*/ 10 h 21"/>
                <a:gd name="T12" fmla="*/ 139 w 149"/>
                <a:gd name="T13" fmla="*/ 0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49" h="21">
                  <a:moveTo>
                    <a:pt x="139" y="0"/>
                  </a:moveTo>
                  <a:cubicBezTo>
                    <a:pt x="11" y="0"/>
                    <a:pt x="11" y="0"/>
                    <a:pt x="11" y="0"/>
                  </a:cubicBezTo>
                  <a:cubicBezTo>
                    <a:pt x="5" y="0"/>
                    <a:pt x="0" y="4"/>
                    <a:pt x="0" y="10"/>
                  </a:cubicBezTo>
                  <a:cubicBezTo>
                    <a:pt x="0" y="16"/>
                    <a:pt x="5" y="21"/>
                    <a:pt x="11" y="21"/>
                  </a:cubicBezTo>
                  <a:cubicBezTo>
                    <a:pt x="139" y="21"/>
                    <a:pt x="139" y="21"/>
                    <a:pt x="139" y="21"/>
                  </a:cubicBezTo>
                  <a:cubicBezTo>
                    <a:pt x="145" y="21"/>
                    <a:pt x="149" y="16"/>
                    <a:pt x="149" y="10"/>
                  </a:cubicBezTo>
                  <a:cubicBezTo>
                    <a:pt x="149" y="4"/>
                    <a:pt x="145" y="0"/>
                    <a:pt x="139" y="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i-FI"/>
            </a:p>
          </p:txBody>
        </p:sp>
        <p:sp>
          <p:nvSpPr>
            <p:cNvPr id="45" name="Freeform 982">
              <a:extLst>
                <a:ext uri="{FF2B5EF4-FFF2-40B4-BE49-F238E27FC236}">
                  <a16:creationId xmlns:a16="http://schemas.microsoft.com/office/drawing/2014/main" id="{8012B7AC-2A52-4E7A-96B6-BE115F8AC2F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130" y="4320"/>
              <a:ext cx="164" cy="165"/>
            </a:xfrm>
            <a:custGeom>
              <a:avLst/>
              <a:gdLst>
                <a:gd name="T0" fmla="*/ 244 w 248"/>
                <a:gd name="T1" fmla="*/ 230 h 248"/>
                <a:gd name="T2" fmla="*/ 148 w 248"/>
                <a:gd name="T3" fmla="*/ 132 h 248"/>
                <a:gd name="T4" fmla="*/ 148 w 248"/>
                <a:gd name="T5" fmla="*/ 132 h 248"/>
                <a:gd name="T6" fmla="*/ 185 w 248"/>
                <a:gd name="T7" fmla="*/ 95 h 248"/>
                <a:gd name="T8" fmla="*/ 193 w 248"/>
                <a:gd name="T9" fmla="*/ 98 h 248"/>
                <a:gd name="T10" fmla="*/ 200 w 248"/>
                <a:gd name="T11" fmla="*/ 95 h 248"/>
                <a:gd name="T12" fmla="*/ 200 w 248"/>
                <a:gd name="T13" fmla="*/ 79 h 248"/>
                <a:gd name="T14" fmla="*/ 125 w 248"/>
                <a:gd name="T15" fmla="*/ 4 h 248"/>
                <a:gd name="T16" fmla="*/ 110 w 248"/>
                <a:gd name="T17" fmla="*/ 4 h 248"/>
                <a:gd name="T18" fmla="*/ 110 w 248"/>
                <a:gd name="T19" fmla="*/ 19 h 248"/>
                <a:gd name="T20" fmla="*/ 19 w 248"/>
                <a:gd name="T21" fmla="*/ 110 h 248"/>
                <a:gd name="T22" fmla="*/ 4 w 248"/>
                <a:gd name="T23" fmla="*/ 110 h 248"/>
                <a:gd name="T24" fmla="*/ 4 w 248"/>
                <a:gd name="T25" fmla="*/ 125 h 248"/>
                <a:gd name="T26" fmla="*/ 80 w 248"/>
                <a:gd name="T27" fmla="*/ 200 h 248"/>
                <a:gd name="T28" fmla="*/ 87 w 248"/>
                <a:gd name="T29" fmla="*/ 203 h 248"/>
                <a:gd name="T30" fmla="*/ 95 w 248"/>
                <a:gd name="T31" fmla="*/ 200 h 248"/>
                <a:gd name="T32" fmla="*/ 95 w 248"/>
                <a:gd name="T33" fmla="*/ 185 h 248"/>
                <a:gd name="T34" fmla="*/ 95 w 248"/>
                <a:gd name="T35" fmla="*/ 185 h 248"/>
                <a:gd name="T36" fmla="*/ 132 w 248"/>
                <a:gd name="T37" fmla="*/ 147 h 248"/>
                <a:gd name="T38" fmla="*/ 229 w 248"/>
                <a:gd name="T39" fmla="*/ 245 h 248"/>
                <a:gd name="T40" fmla="*/ 237 w 248"/>
                <a:gd name="T41" fmla="*/ 248 h 248"/>
                <a:gd name="T42" fmla="*/ 244 w 248"/>
                <a:gd name="T43" fmla="*/ 245 h 248"/>
                <a:gd name="T44" fmla="*/ 244 w 248"/>
                <a:gd name="T45" fmla="*/ 230 h 248"/>
                <a:gd name="T46" fmla="*/ 34 w 248"/>
                <a:gd name="T47" fmla="*/ 125 h 248"/>
                <a:gd name="T48" fmla="*/ 125 w 248"/>
                <a:gd name="T49" fmla="*/ 34 h 248"/>
                <a:gd name="T50" fmla="*/ 170 w 248"/>
                <a:gd name="T51" fmla="*/ 79 h 248"/>
                <a:gd name="T52" fmla="*/ 80 w 248"/>
                <a:gd name="T53" fmla="*/ 170 h 248"/>
                <a:gd name="T54" fmla="*/ 34 w 248"/>
                <a:gd name="T55" fmla="*/ 125 h 2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</a:cxnLst>
              <a:rect l="0" t="0" r="r" b="b"/>
              <a:pathLst>
                <a:path w="248" h="248">
                  <a:moveTo>
                    <a:pt x="244" y="230"/>
                  </a:moveTo>
                  <a:cubicBezTo>
                    <a:pt x="148" y="132"/>
                    <a:pt x="148" y="132"/>
                    <a:pt x="148" y="132"/>
                  </a:cubicBezTo>
                  <a:cubicBezTo>
                    <a:pt x="148" y="132"/>
                    <a:pt x="148" y="132"/>
                    <a:pt x="148" y="132"/>
                  </a:cubicBezTo>
                  <a:cubicBezTo>
                    <a:pt x="185" y="95"/>
                    <a:pt x="185" y="95"/>
                    <a:pt x="185" y="95"/>
                  </a:cubicBezTo>
                  <a:cubicBezTo>
                    <a:pt x="187" y="97"/>
                    <a:pt x="190" y="98"/>
                    <a:pt x="193" y="98"/>
                  </a:cubicBezTo>
                  <a:cubicBezTo>
                    <a:pt x="196" y="98"/>
                    <a:pt x="198" y="97"/>
                    <a:pt x="200" y="95"/>
                  </a:cubicBezTo>
                  <a:cubicBezTo>
                    <a:pt x="205" y="90"/>
                    <a:pt x="205" y="84"/>
                    <a:pt x="200" y="79"/>
                  </a:cubicBezTo>
                  <a:cubicBezTo>
                    <a:pt x="125" y="4"/>
                    <a:pt x="125" y="4"/>
                    <a:pt x="125" y="4"/>
                  </a:cubicBezTo>
                  <a:cubicBezTo>
                    <a:pt x="121" y="0"/>
                    <a:pt x="114" y="0"/>
                    <a:pt x="110" y="4"/>
                  </a:cubicBezTo>
                  <a:cubicBezTo>
                    <a:pt x="106" y="8"/>
                    <a:pt x="106" y="15"/>
                    <a:pt x="110" y="19"/>
                  </a:cubicBezTo>
                  <a:cubicBezTo>
                    <a:pt x="19" y="110"/>
                    <a:pt x="19" y="110"/>
                    <a:pt x="19" y="110"/>
                  </a:cubicBezTo>
                  <a:cubicBezTo>
                    <a:pt x="15" y="105"/>
                    <a:pt x="8" y="105"/>
                    <a:pt x="4" y="110"/>
                  </a:cubicBezTo>
                  <a:cubicBezTo>
                    <a:pt x="0" y="114"/>
                    <a:pt x="0" y="121"/>
                    <a:pt x="4" y="125"/>
                  </a:cubicBezTo>
                  <a:cubicBezTo>
                    <a:pt x="80" y="200"/>
                    <a:pt x="80" y="200"/>
                    <a:pt x="80" y="200"/>
                  </a:cubicBezTo>
                  <a:cubicBezTo>
                    <a:pt x="82" y="202"/>
                    <a:pt x="84" y="203"/>
                    <a:pt x="87" y="203"/>
                  </a:cubicBezTo>
                  <a:cubicBezTo>
                    <a:pt x="90" y="203"/>
                    <a:pt x="93" y="202"/>
                    <a:pt x="95" y="200"/>
                  </a:cubicBezTo>
                  <a:cubicBezTo>
                    <a:pt x="99" y="196"/>
                    <a:pt x="99" y="189"/>
                    <a:pt x="95" y="185"/>
                  </a:cubicBezTo>
                  <a:cubicBezTo>
                    <a:pt x="95" y="185"/>
                    <a:pt x="95" y="185"/>
                    <a:pt x="95" y="185"/>
                  </a:cubicBezTo>
                  <a:cubicBezTo>
                    <a:pt x="132" y="147"/>
                    <a:pt x="132" y="147"/>
                    <a:pt x="132" y="147"/>
                  </a:cubicBezTo>
                  <a:cubicBezTo>
                    <a:pt x="229" y="245"/>
                    <a:pt x="229" y="245"/>
                    <a:pt x="229" y="245"/>
                  </a:cubicBezTo>
                  <a:cubicBezTo>
                    <a:pt x="231" y="247"/>
                    <a:pt x="234" y="248"/>
                    <a:pt x="237" y="248"/>
                  </a:cubicBezTo>
                  <a:cubicBezTo>
                    <a:pt x="239" y="248"/>
                    <a:pt x="242" y="247"/>
                    <a:pt x="244" y="245"/>
                  </a:cubicBezTo>
                  <a:cubicBezTo>
                    <a:pt x="248" y="241"/>
                    <a:pt x="248" y="234"/>
                    <a:pt x="244" y="230"/>
                  </a:cubicBezTo>
                  <a:close/>
                  <a:moveTo>
                    <a:pt x="34" y="125"/>
                  </a:moveTo>
                  <a:cubicBezTo>
                    <a:pt x="125" y="34"/>
                    <a:pt x="125" y="34"/>
                    <a:pt x="125" y="34"/>
                  </a:cubicBezTo>
                  <a:cubicBezTo>
                    <a:pt x="170" y="79"/>
                    <a:pt x="170" y="79"/>
                    <a:pt x="170" y="79"/>
                  </a:cubicBezTo>
                  <a:cubicBezTo>
                    <a:pt x="80" y="170"/>
                    <a:pt x="80" y="170"/>
                    <a:pt x="80" y="170"/>
                  </a:cubicBezTo>
                  <a:lnTo>
                    <a:pt x="34" y="12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fi-FI"/>
            </a:p>
          </p:txBody>
        </p:sp>
      </p:grpSp>
      <p:pic>
        <p:nvPicPr>
          <p:cNvPr id="7" name="Picture 6">
            <a:extLst>
              <a:ext uri="{FF2B5EF4-FFF2-40B4-BE49-F238E27FC236}">
                <a16:creationId xmlns:a16="http://schemas.microsoft.com/office/drawing/2014/main" id="{C6804DBB-F69C-42DF-B6B4-578D3CE27D77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3">
                <a:shade val="45000"/>
                <a:satMod val="135000"/>
              </a:schemeClr>
              <a:prstClr val="white"/>
            </a:duotone>
          </a:blip>
          <a:srcRect l="25554" t="13097" r="25575" b="19154"/>
          <a:stretch/>
        </p:blipFill>
        <p:spPr>
          <a:xfrm>
            <a:off x="6581020" y="3030578"/>
            <a:ext cx="762501" cy="1141601"/>
          </a:xfrm>
          <a:prstGeom prst="rect">
            <a:avLst/>
          </a:prstGeom>
        </p:spPr>
      </p:pic>
      <p:sp>
        <p:nvSpPr>
          <p:cNvPr id="30" name="Hexagon 8">
            <a:extLst>
              <a:ext uri="{FF2B5EF4-FFF2-40B4-BE49-F238E27FC236}">
                <a16:creationId xmlns:a16="http://schemas.microsoft.com/office/drawing/2014/main" id="{D4896790-B107-4115-93CB-934F176576AB}"/>
              </a:ext>
            </a:extLst>
          </p:cNvPr>
          <p:cNvSpPr/>
          <p:nvPr/>
        </p:nvSpPr>
        <p:spPr bwMode="gray">
          <a:xfrm rot="16200000">
            <a:off x="9906892" y="3275717"/>
            <a:ext cx="1446375" cy="1246875"/>
          </a:xfrm>
          <a:prstGeom prst="hexagon">
            <a:avLst/>
          </a:prstGeom>
          <a:solidFill>
            <a:schemeClr val="accent6">
              <a:lumMod val="40000"/>
              <a:lumOff val="6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fi-FI" sz="1600" b="1" i="0" u="none" strike="noStrike" kern="120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35" name="Hexagon 58">
            <a:extLst>
              <a:ext uri="{FF2B5EF4-FFF2-40B4-BE49-F238E27FC236}">
                <a16:creationId xmlns:a16="http://schemas.microsoft.com/office/drawing/2014/main" id="{72C6F9D6-4B43-4825-9E81-EC2042137BE5}"/>
              </a:ext>
            </a:extLst>
          </p:cNvPr>
          <p:cNvSpPr/>
          <p:nvPr/>
        </p:nvSpPr>
        <p:spPr bwMode="gray">
          <a:xfrm rot="16200000" flipV="1">
            <a:off x="10434570" y="3969687"/>
            <a:ext cx="377180" cy="1508719"/>
          </a:xfrm>
          <a:custGeom>
            <a:avLst/>
            <a:gdLst>
              <a:gd name="connsiteX0" fmla="*/ 0 w 1682040"/>
              <a:gd name="connsiteY0" fmla="*/ 725017 h 1450034"/>
              <a:gd name="connsiteX1" fmla="*/ 362509 w 1682040"/>
              <a:gd name="connsiteY1" fmla="*/ 0 h 1450034"/>
              <a:gd name="connsiteX2" fmla="*/ 1319532 w 1682040"/>
              <a:gd name="connsiteY2" fmla="*/ 0 h 1450034"/>
              <a:gd name="connsiteX3" fmla="*/ 1682040 w 1682040"/>
              <a:gd name="connsiteY3" fmla="*/ 725017 h 1450034"/>
              <a:gd name="connsiteX4" fmla="*/ 1319532 w 1682040"/>
              <a:gd name="connsiteY4" fmla="*/ 1450034 h 1450034"/>
              <a:gd name="connsiteX5" fmla="*/ 362509 w 1682040"/>
              <a:gd name="connsiteY5" fmla="*/ 1450034 h 1450034"/>
              <a:gd name="connsiteX6" fmla="*/ 0 w 1682040"/>
              <a:gd name="connsiteY6" fmla="*/ 725017 h 1450034"/>
              <a:gd name="connsiteX0" fmla="*/ 1319532 w 1682040"/>
              <a:gd name="connsiteY0" fmla="*/ 0 h 1450034"/>
              <a:gd name="connsiteX1" fmla="*/ 1682040 w 1682040"/>
              <a:gd name="connsiteY1" fmla="*/ 725017 h 1450034"/>
              <a:gd name="connsiteX2" fmla="*/ 1319532 w 1682040"/>
              <a:gd name="connsiteY2" fmla="*/ 1450034 h 1450034"/>
              <a:gd name="connsiteX3" fmla="*/ 362509 w 1682040"/>
              <a:gd name="connsiteY3" fmla="*/ 1450034 h 1450034"/>
              <a:gd name="connsiteX4" fmla="*/ 0 w 1682040"/>
              <a:gd name="connsiteY4" fmla="*/ 725017 h 1450034"/>
              <a:gd name="connsiteX5" fmla="*/ 362509 w 1682040"/>
              <a:gd name="connsiteY5" fmla="*/ 0 h 1450034"/>
              <a:gd name="connsiteX6" fmla="*/ 1410972 w 1682040"/>
              <a:gd name="connsiteY6" fmla="*/ 91440 h 1450034"/>
              <a:gd name="connsiteX0" fmla="*/ 1319532 w 1682040"/>
              <a:gd name="connsiteY0" fmla="*/ 0 h 1450034"/>
              <a:gd name="connsiteX1" fmla="*/ 1682040 w 1682040"/>
              <a:gd name="connsiteY1" fmla="*/ 725017 h 1450034"/>
              <a:gd name="connsiteX2" fmla="*/ 1319532 w 1682040"/>
              <a:gd name="connsiteY2" fmla="*/ 1450034 h 1450034"/>
              <a:gd name="connsiteX3" fmla="*/ 362509 w 1682040"/>
              <a:gd name="connsiteY3" fmla="*/ 1450034 h 1450034"/>
              <a:gd name="connsiteX4" fmla="*/ 0 w 1682040"/>
              <a:gd name="connsiteY4" fmla="*/ 725017 h 1450034"/>
              <a:gd name="connsiteX5" fmla="*/ 362509 w 1682040"/>
              <a:gd name="connsiteY5" fmla="*/ 0 h 1450034"/>
              <a:gd name="connsiteX0" fmla="*/ 1319532 w 1319532"/>
              <a:gd name="connsiteY0" fmla="*/ 0 h 1450034"/>
              <a:gd name="connsiteX1" fmla="*/ 1319532 w 1319532"/>
              <a:gd name="connsiteY1" fmla="*/ 1450034 h 1450034"/>
              <a:gd name="connsiteX2" fmla="*/ 362509 w 1319532"/>
              <a:gd name="connsiteY2" fmla="*/ 1450034 h 1450034"/>
              <a:gd name="connsiteX3" fmla="*/ 0 w 1319532"/>
              <a:gd name="connsiteY3" fmla="*/ 725017 h 1450034"/>
              <a:gd name="connsiteX4" fmla="*/ 362509 w 1319532"/>
              <a:gd name="connsiteY4" fmla="*/ 0 h 1450034"/>
              <a:gd name="connsiteX0" fmla="*/ 1319532 w 1319532"/>
              <a:gd name="connsiteY0" fmla="*/ 0 h 1450034"/>
              <a:gd name="connsiteX1" fmla="*/ 362509 w 1319532"/>
              <a:gd name="connsiteY1" fmla="*/ 1450034 h 1450034"/>
              <a:gd name="connsiteX2" fmla="*/ 0 w 1319532"/>
              <a:gd name="connsiteY2" fmla="*/ 725017 h 1450034"/>
              <a:gd name="connsiteX3" fmla="*/ 362509 w 1319532"/>
              <a:gd name="connsiteY3" fmla="*/ 0 h 1450034"/>
              <a:gd name="connsiteX0" fmla="*/ 362509 w 362509"/>
              <a:gd name="connsiteY0" fmla="*/ 1450034 h 1450034"/>
              <a:gd name="connsiteX1" fmla="*/ 0 w 362509"/>
              <a:gd name="connsiteY1" fmla="*/ 725017 h 1450034"/>
              <a:gd name="connsiteX2" fmla="*/ 362509 w 362509"/>
              <a:gd name="connsiteY2" fmla="*/ 0 h 14500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62509" h="1450034">
                <a:moveTo>
                  <a:pt x="362509" y="1450034"/>
                </a:moveTo>
                <a:lnTo>
                  <a:pt x="0" y="725017"/>
                </a:lnTo>
                <a:lnTo>
                  <a:pt x="362509" y="0"/>
                </a:lnTo>
              </a:path>
            </a:pathLst>
          </a:custGeom>
          <a:noFill/>
          <a:ln w="19050" algn="ctr">
            <a:solidFill>
              <a:srgbClr val="A7A8AA"/>
            </a:solidFill>
            <a:prstDash val="sysDot"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fi-FI" sz="1600" b="1" i="0" u="none" strike="noStrike" kern="120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36" name="Hexagon 10">
            <a:extLst>
              <a:ext uri="{FF2B5EF4-FFF2-40B4-BE49-F238E27FC236}">
                <a16:creationId xmlns:a16="http://schemas.microsoft.com/office/drawing/2014/main" id="{09853AAF-32DD-4267-80C4-FBCE8E0E211C}"/>
              </a:ext>
            </a:extLst>
          </p:cNvPr>
          <p:cNvSpPr/>
          <p:nvPr/>
        </p:nvSpPr>
        <p:spPr bwMode="gray">
          <a:xfrm rot="5400000" flipH="1">
            <a:off x="9756822" y="3147510"/>
            <a:ext cx="1714260" cy="1488201"/>
          </a:xfrm>
          <a:custGeom>
            <a:avLst/>
            <a:gdLst>
              <a:gd name="connsiteX0" fmla="*/ 0 w 1414272"/>
              <a:gd name="connsiteY0" fmla="*/ 609600 h 1219200"/>
              <a:gd name="connsiteX1" fmla="*/ 304800 w 1414272"/>
              <a:gd name="connsiteY1" fmla="*/ 0 h 1219200"/>
              <a:gd name="connsiteX2" fmla="*/ 1109472 w 1414272"/>
              <a:gd name="connsiteY2" fmla="*/ 0 h 1219200"/>
              <a:gd name="connsiteX3" fmla="*/ 1414272 w 1414272"/>
              <a:gd name="connsiteY3" fmla="*/ 609600 h 1219200"/>
              <a:gd name="connsiteX4" fmla="*/ 1109472 w 1414272"/>
              <a:gd name="connsiteY4" fmla="*/ 1219200 h 1219200"/>
              <a:gd name="connsiteX5" fmla="*/ 304800 w 1414272"/>
              <a:gd name="connsiteY5" fmla="*/ 1219200 h 1219200"/>
              <a:gd name="connsiteX6" fmla="*/ 0 w 1414272"/>
              <a:gd name="connsiteY6" fmla="*/ 609600 h 1219200"/>
              <a:gd name="connsiteX0" fmla="*/ 1109472 w 1414272"/>
              <a:gd name="connsiteY0" fmla="*/ 0 h 1219200"/>
              <a:gd name="connsiteX1" fmla="*/ 1414272 w 1414272"/>
              <a:gd name="connsiteY1" fmla="*/ 609600 h 1219200"/>
              <a:gd name="connsiteX2" fmla="*/ 1109472 w 1414272"/>
              <a:gd name="connsiteY2" fmla="*/ 1219200 h 1219200"/>
              <a:gd name="connsiteX3" fmla="*/ 304800 w 1414272"/>
              <a:gd name="connsiteY3" fmla="*/ 1219200 h 1219200"/>
              <a:gd name="connsiteX4" fmla="*/ 0 w 1414272"/>
              <a:gd name="connsiteY4" fmla="*/ 609600 h 1219200"/>
              <a:gd name="connsiteX5" fmla="*/ 304800 w 1414272"/>
              <a:gd name="connsiteY5" fmla="*/ 0 h 1219200"/>
              <a:gd name="connsiteX6" fmla="*/ 1200912 w 1414272"/>
              <a:gd name="connsiteY6" fmla="*/ 91440 h 1219200"/>
              <a:gd name="connsiteX0" fmla="*/ 1109472 w 1414272"/>
              <a:gd name="connsiteY0" fmla="*/ 13335 h 1232535"/>
              <a:gd name="connsiteX1" fmla="*/ 1414272 w 1414272"/>
              <a:gd name="connsiteY1" fmla="*/ 622935 h 1232535"/>
              <a:gd name="connsiteX2" fmla="*/ 1109472 w 1414272"/>
              <a:gd name="connsiteY2" fmla="*/ 1232535 h 1232535"/>
              <a:gd name="connsiteX3" fmla="*/ 304800 w 1414272"/>
              <a:gd name="connsiteY3" fmla="*/ 1232535 h 1232535"/>
              <a:gd name="connsiteX4" fmla="*/ 0 w 1414272"/>
              <a:gd name="connsiteY4" fmla="*/ 622935 h 1232535"/>
              <a:gd name="connsiteX5" fmla="*/ 304800 w 1414272"/>
              <a:gd name="connsiteY5" fmla="*/ 13335 h 1232535"/>
              <a:gd name="connsiteX6" fmla="*/ 958024 w 1414272"/>
              <a:gd name="connsiteY6" fmla="*/ 0 h 1232535"/>
              <a:gd name="connsiteX0" fmla="*/ 1109472 w 1414272"/>
              <a:gd name="connsiteY0" fmla="*/ 0 h 1219200"/>
              <a:gd name="connsiteX1" fmla="*/ 1414272 w 1414272"/>
              <a:gd name="connsiteY1" fmla="*/ 609600 h 1219200"/>
              <a:gd name="connsiteX2" fmla="*/ 1109472 w 1414272"/>
              <a:gd name="connsiteY2" fmla="*/ 1219200 h 1219200"/>
              <a:gd name="connsiteX3" fmla="*/ 304800 w 1414272"/>
              <a:gd name="connsiteY3" fmla="*/ 1219200 h 1219200"/>
              <a:gd name="connsiteX4" fmla="*/ 0 w 1414272"/>
              <a:gd name="connsiteY4" fmla="*/ 609600 h 1219200"/>
              <a:gd name="connsiteX5" fmla="*/ 304800 w 1414272"/>
              <a:gd name="connsiteY5" fmla="*/ 0 h 1219200"/>
              <a:gd name="connsiteX6" fmla="*/ 858015 w 1414272"/>
              <a:gd name="connsiteY6" fmla="*/ 10478 h 1219200"/>
              <a:gd name="connsiteX0" fmla="*/ 1109472 w 1414272"/>
              <a:gd name="connsiteY0" fmla="*/ 8572 h 1227772"/>
              <a:gd name="connsiteX1" fmla="*/ 1414272 w 1414272"/>
              <a:gd name="connsiteY1" fmla="*/ 618172 h 1227772"/>
              <a:gd name="connsiteX2" fmla="*/ 1109472 w 1414272"/>
              <a:gd name="connsiteY2" fmla="*/ 1227772 h 1227772"/>
              <a:gd name="connsiteX3" fmla="*/ 304800 w 1414272"/>
              <a:gd name="connsiteY3" fmla="*/ 1227772 h 1227772"/>
              <a:gd name="connsiteX4" fmla="*/ 0 w 1414272"/>
              <a:gd name="connsiteY4" fmla="*/ 618172 h 1227772"/>
              <a:gd name="connsiteX5" fmla="*/ 304800 w 1414272"/>
              <a:gd name="connsiteY5" fmla="*/ 8572 h 1227772"/>
              <a:gd name="connsiteX6" fmla="*/ 848490 w 1414272"/>
              <a:gd name="connsiteY6" fmla="*/ 0 h 12277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414272" h="1227772">
                <a:moveTo>
                  <a:pt x="1109472" y="8572"/>
                </a:moveTo>
                <a:lnTo>
                  <a:pt x="1414272" y="618172"/>
                </a:lnTo>
                <a:lnTo>
                  <a:pt x="1109472" y="1227772"/>
                </a:lnTo>
                <a:lnTo>
                  <a:pt x="304800" y="1227772"/>
                </a:lnTo>
                <a:lnTo>
                  <a:pt x="0" y="618172"/>
                </a:lnTo>
                <a:lnTo>
                  <a:pt x="304800" y="8572"/>
                </a:lnTo>
                <a:cubicBezTo>
                  <a:pt x="573024" y="8572"/>
                  <a:pt x="848490" y="0"/>
                  <a:pt x="848490" y="0"/>
                </a:cubicBezTo>
              </a:path>
            </a:pathLst>
          </a:custGeom>
          <a:noFill/>
          <a:ln w="19050" algn="ctr">
            <a:solidFill>
              <a:srgbClr val="CC99FF"/>
            </a:solidFill>
            <a:miter lim="800000"/>
            <a:headEnd type="triangle" w="lg" len="lg"/>
            <a:tailEnd type="oval"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fi-FI" sz="1600" b="1" i="0" u="none" strike="noStrike" kern="120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pic>
        <p:nvPicPr>
          <p:cNvPr id="6" name="Kuva 5" descr="Mies ja lapsi ääriviiva">
            <a:extLst>
              <a:ext uri="{FF2B5EF4-FFF2-40B4-BE49-F238E27FC236}">
                <a16:creationId xmlns:a16="http://schemas.microsoft.com/office/drawing/2014/main" id="{1E0686FC-261B-4413-82CC-9169F679DC1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0305089" y="3579897"/>
            <a:ext cx="615623" cy="615623"/>
          </a:xfrm>
          <a:prstGeom prst="rect">
            <a:avLst/>
          </a:prstGeom>
        </p:spPr>
      </p:pic>
      <p:sp>
        <p:nvSpPr>
          <p:cNvPr id="41" name="Rectangle 14">
            <a:extLst>
              <a:ext uri="{FF2B5EF4-FFF2-40B4-BE49-F238E27FC236}">
                <a16:creationId xmlns:a16="http://schemas.microsoft.com/office/drawing/2014/main" id="{115EC200-7D93-4F2C-80DB-F0D0B867D06F}"/>
              </a:ext>
            </a:extLst>
          </p:cNvPr>
          <p:cNvSpPr/>
          <p:nvPr/>
        </p:nvSpPr>
        <p:spPr>
          <a:xfrm>
            <a:off x="8901598" y="1900657"/>
            <a:ext cx="3181548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/>
            <a:r>
              <a:rPr lang="fi-FI" sz="1400" b="1">
                <a:solidFill>
                  <a:prstClr val="black"/>
                </a:solidFill>
              </a:rPr>
              <a:t>ASUKKAIDEN PALVELUTARPEET</a:t>
            </a:r>
          </a:p>
          <a:p>
            <a:pPr lvl="0" algn="ctr"/>
            <a:r>
              <a:rPr lang="fi-FI" sz="1100">
                <a:solidFill>
                  <a:prstClr val="black"/>
                </a:solidFill>
              </a:rPr>
              <a:t>Alueen väestörakenne, palvelutarpeet, hyvinvoinnin nykytila ja näkemys sen kehityssuunnista. Tietoon perustuva ennakointi.</a:t>
            </a:r>
          </a:p>
          <a:p>
            <a:pPr lvl="0" algn="ctr"/>
            <a:endParaRPr lang="fi-FI" sz="1100">
              <a:solidFill>
                <a:prstClr val="black"/>
              </a:solidFill>
            </a:endParaRPr>
          </a:p>
          <a:p>
            <a:pPr lvl="0" algn="ctr"/>
            <a:endParaRPr lang="fi-FI" sz="1400" b="1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715500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0">
            <a:extLst>
              <a:ext uri="{FF2B5EF4-FFF2-40B4-BE49-F238E27FC236}">
                <a16:creationId xmlns:a16="http://schemas.microsoft.com/office/drawing/2014/main" id="{780E2CCC-B105-49CE-B437-F0E596E7505E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8844" b="15999"/>
          <a:stretch/>
        </p:blipFill>
        <p:spPr>
          <a:xfrm>
            <a:off x="9031942" y="2148650"/>
            <a:ext cx="2373479" cy="1992887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B572959-5268-4554-8E80-961CA76A01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C7B8F6-2765-465B-BF52-D1DF320C1AE3}" type="slidenum">
              <a:rPr lang="fi-FI" smtClean="0"/>
              <a:t>4</a:t>
            </a:fld>
            <a:endParaRPr lang="fi-FI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93E61F51-6738-4DEA-8AF7-E537F496AA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9124" y="369179"/>
            <a:ext cx="9569557" cy="613182"/>
          </a:xfrm>
        </p:spPr>
        <p:txBody>
          <a:bodyPr>
            <a:normAutofit/>
          </a:bodyPr>
          <a:lstStyle/>
          <a:p>
            <a:r>
              <a:rPr lang="fi-FI" sz="2400">
                <a:solidFill>
                  <a:srgbClr val="7030A0"/>
                </a:solidFill>
              </a:rPr>
              <a:t>Hyvinvointialueen strategian vaiheistus ja syveneminen</a:t>
            </a:r>
          </a:p>
        </p:txBody>
      </p:sp>
      <p:sp>
        <p:nvSpPr>
          <p:cNvPr id="58" name="Arrow: Right 57">
            <a:extLst>
              <a:ext uri="{FF2B5EF4-FFF2-40B4-BE49-F238E27FC236}">
                <a16:creationId xmlns:a16="http://schemas.microsoft.com/office/drawing/2014/main" id="{55A1DB83-E830-4372-90C9-A32694BE7FB1}"/>
              </a:ext>
            </a:extLst>
          </p:cNvPr>
          <p:cNvSpPr/>
          <p:nvPr/>
        </p:nvSpPr>
        <p:spPr>
          <a:xfrm>
            <a:off x="3693456" y="2926073"/>
            <a:ext cx="502713" cy="474315"/>
          </a:xfrm>
          <a:prstGeom prst="rightArrow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59" name="Arrow: Right 58">
            <a:extLst>
              <a:ext uri="{FF2B5EF4-FFF2-40B4-BE49-F238E27FC236}">
                <a16:creationId xmlns:a16="http://schemas.microsoft.com/office/drawing/2014/main" id="{A7697B26-7FD3-44E7-9C50-B6A52FB0B1AB}"/>
              </a:ext>
            </a:extLst>
          </p:cNvPr>
          <p:cNvSpPr/>
          <p:nvPr/>
        </p:nvSpPr>
        <p:spPr>
          <a:xfrm>
            <a:off x="7860180" y="2926073"/>
            <a:ext cx="502713" cy="474315"/>
          </a:xfrm>
          <a:prstGeom prst="rightArrow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fi-FI"/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71F6F7BD-3179-43D2-B678-6AFA05B7F137}"/>
              </a:ext>
            </a:extLst>
          </p:cNvPr>
          <p:cNvSpPr txBox="1"/>
          <p:nvPr/>
        </p:nvSpPr>
        <p:spPr>
          <a:xfrm>
            <a:off x="582874" y="1421044"/>
            <a:ext cx="310178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i-FI" sz="1400" b="1"/>
              <a:t>Hyvinvointialueen käynnistäminen</a:t>
            </a:r>
            <a:br>
              <a:rPr lang="fi-FI" sz="1400" b="1"/>
            </a:br>
            <a:r>
              <a:rPr lang="fi-FI" sz="1400" b="1"/>
              <a:t>(2022)</a:t>
            </a:r>
          </a:p>
        </p:txBody>
      </p:sp>
      <p:sp>
        <p:nvSpPr>
          <p:cNvPr id="61" name="TextBox 60">
            <a:extLst>
              <a:ext uri="{FF2B5EF4-FFF2-40B4-BE49-F238E27FC236}">
                <a16:creationId xmlns:a16="http://schemas.microsoft.com/office/drawing/2014/main" id="{885D17F8-CCD3-4447-AABF-0660B4F3C937}"/>
              </a:ext>
            </a:extLst>
          </p:cNvPr>
          <p:cNvSpPr txBox="1"/>
          <p:nvPr/>
        </p:nvSpPr>
        <p:spPr>
          <a:xfrm>
            <a:off x="4615784" y="1421044"/>
            <a:ext cx="3101782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i-FI" sz="1400" b="1"/>
              <a:t>Hyvinvointialueen strategia, ensimmäinen valtuustokausi </a:t>
            </a:r>
          </a:p>
          <a:p>
            <a:pPr algn="ctr"/>
            <a:r>
              <a:rPr lang="fi-FI" sz="1400" b="1"/>
              <a:t>(2023-2025)</a:t>
            </a:r>
          </a:p>
        </p:txBody>
      </p:sp>
      <p:sp>
        <p:nvSpPr>
          <p:cNvPr id="63" name="TextBox 62">
            <a:extLst>
              <a:ext uri="{FF2B5EF4-FFF2-40B4-BE49-F238E27FC236}">
                <a16:creationId xmlns:a16="http://schemas.microsoft.com/office/drawing/2014/main" id="{01FC6DD6-A855-41CC-8BC5-BA03E4CFBEB3}"/>
              </a:ext>
            </a:extLst>
          </p:cNvPr>
          <p:cNvSpPr txBox="1"/>
          <p:nvPr/>
        </p:nvSpPr>
        <p:spPr>
          <a:xfrm>
            <a:off x="8465215" y="1421044"/>
            <a:ext cx="3463331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i-FI" sz="1400" b="1"/>
              <a:t>Hyvinvointialueen strategia, </a:t>
            </a:r>
          </a:p>
          <a:p>
            <a:pPr algn="ctr"/>
            <a:r>
              <a:rPr lang="fi-FI" sz="1400" b="1"/>
              <a:t>toinen valtuustokausi </a:t>
            </a:r>
          </a:p>
          <a:p>
            <a:pPr algn="ctr"/>
            <a:r>
              <a:rPr lang="fi-FI" sz="1400" b="1"/>
              <a:t>(~6/2025-6/2029)</a:t>
            </a:r>
          </a:p>
        </p:txBody>
      </p:sp>
      <p:sp>
        <p:nvSpPr>
          <p:cNvPr id="73" name="Rectangle 72">
            <a:extLst>
              <a:ext uri="{FF2B5EF4-FFF2-40B4-BE49-F238E27FC236}">
                <a16:creationId xmlns:a16="http://schemas.microsoft.com/office/drawing/2014/main" id="{09D3A68A-9AAE-4690-85B5-5D435E366A05}"/>
              </a:ext>
            </a:extLst>
          </p:cNvPr>
          <p:cNvSpPr/>
          <p:nvPr/>
        </p:nvSpPr>
        <p:spPr>
          <a:xfrm>
            <a:off x="155425" y="4194378"/>
            <a:ext cx="4003301" cy="1942008"/>
          </a:xfrm>
          <a:prstGeom prst="rect">
            <a:avLst/>
          </a:prstGeom>
          <a:ln>
            <a:noFill/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t"/>
          <a:lstStyle/>
          <a:p>
            <a:pPr algn="ctr">
              <a:spcAft>
                <a:spcPts val="600"/>
              </a:spcAft>
            </a:pPr>
            <a:r>
              <a:rPr lang="fi-FI" b="1"/>
              <a:t>Muutoksen valmistelu</a:t>
            </a:r>
          </a:p>
          <a:p>
            <a:pPr marL="171450" indent="-1714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fi-FI" sz="1200"/>
              <a:t>Tavoitteena </a:t>
            </a:r>
            <a:r>
              <a:rPr lang="fi-FI" sz="1200" b="1"/>
              <a:t>välttämättömän toteuttaminen </a:t>
            </a:r>
            <a:r>
              <a:rPr lang="fi-FI" sz="1200"/>
              <a:t>– jotta taataan </a:t>
            </a:r>
            <a:r>
              <a:rPr lang="fi-FI" sz="1200" b="1"/>
              <a:t>turvallinen siirtymä.</a:t>
            </a:r>
          </a:p>
          <a:p>
            <a:pPr marL="171450" indent="-1714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fi-FI" sz="1200"/>
              <a:t>Määritellään ja toteutetaan ensimmäisen hyvinvointialuestrategian l</a:t>
            </a:r>
            <a:r>
              <a:rPr lang="fi-FI" sz="1200" b="1"/>
              <a:t>aadintaprosessi</a:t>
            </a:r>
            <a:r>
              <a:rPr lang="fi-FI" sz="1200"/>
              <a:t>.</a:t>
            </a:r>
          </a:p>
          <a:p>
            <a:pPr marL="171450" indent="-1714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fi-FI" sz="1200">
                <a:solidFill>
                  <a:schemeClr val="tx1"/>
                </a:solidFill>
              </a:rPr>
              <a:t>Painopisteet ja keskeiset pitkän aikavälin tavoitteet, joiden </a:t>
            </a:r>
            <a:r>
              <a:rPr lang="fi-FI" sz="1200"/>
              <a:t>pohjalta voidaan laatia </a:t>
            </a:r>
            <a:r>
              <a:rPr lang="fi-FI" sz="1200" b="1">
                <a:solidFill>
                  <a:schemeClr val="tx1"/>
                </a:solidFill>
              </a:rPr>
              <a:t>talousarvio </a:t>
            </a:r>
            <a:r>
              <a:rPr lang="fi-FI" sz="1200">
                <a:solidFill>
                  <a:schemeClr val="tx1"/>
                </a:solidFill>
              </a:rPr>
              <a:t>ja </a:t>
            </a:r>
            <a:r>
              <a:rPr lang="fi-FI" sz="1200" b="1">
                <a:solidFill>
                  <a:schemeClr val="tx1"/>
                </a:solidFill>
              </a:rPr>
              <a:t>vuositason tavoitteet </a:t>
            </a:r>
            <a:r>
              <a:rPr lang="fi-FI" sz="1200">
                <a:solidFill>
                  <a:schemeClr val="tx1"/>
                </a:solidFill>
              </a:rPr>
              <a:t>(vuodelle 2023).</a:t>
            </a:r>
            <a:endParaRPr kumimoji="0" lang="fi-FI" sz="1200" i="0" u="none" strike="noStrike" kern="1200" cap="none" spc="0" normalizeH="0" baseline="0">
              <a:ln>
                <a:noFill/>
              </a:ln>
              <a:solidFill>
                <a:schemeClr val="tx1"/>
              </a:solidFill>
              <a:effectLst/>
              <a:uLnTx/>
              <a:uFillTx/>
              <a:ea typeface="+mn-ea"/>
              <a:cs typeface="+mn-cs"/>
            </a:endParaRPr>
          </a:p>
          <a:p>
            <a:pPr algn="ctr">
              <a:spcAft>
                <a:spcPts val="600"/>
              </a:spcAft>
            </a:pPr>
            <a:endParaRPr lang="fi-FI" sz="1200" b="1"/>
          </a:p>
        </p:txBody>
      </p:sp>
      <p:sp>
        <p:nvSpPr>
          <p:cNvPr id="74" name="Rectangle 73">
            <a:extLst>
              <a:ext uri="{FF2B5EF4-FFF2-40B4-BE49-F238E27FC236}">
                <a16:creationId xmlns:a16="http://schemas.microsoft.com/office/drawing/2014/main" id="{6803CF4D-5E95-4582-B25B-9AF5539E9AD6}"/>
              </a:ext>
            </a:extLst>
          </p:cNvPr>
          <p:cNvSpPr/>
          <p:nvPr/>
        </p:nvSpPr>
        <p:spPr>
          <a:xfrm>
            <a:off x="4233612" y="4215711"/>
            <a:ext cx="4548537" cy="2407161"/>
          </a:xfrm>
          <a:prstGeom prst="rect">
            <a:avLst/>
          </a:prstGeom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ctr">
              <a:spcAft>
                <a:spcPts val="600"/>
              </a:spcAft>
            </a:pPr>
            <a:r>
              <a:rPr lang="fi-FI" b="1"/>
              <a:t>Muutoksen hallinta </a:t>
            </a:r>
            <a:r>
              <a:rPr lang="fi-FI" b="1">
                <a:solidFill>
                  <a:schemeClr val="tx1"/>
                </a:solidFill>
              </a:rPr>
              <a:t>ja turvallinen siirtymä</a:t>
            </a:r>
            <a:endParaRPr lang="fi-FI" b="1" i="1">
              <a:solidFill>
                <a:schemeClr val="tx1"/>
              </a:solidFill>
            </a:endParaRPr>
          </a:p>
          <a:p>
            <a:pPr marL="171450" indent="-1714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fi-FI" sz="1200">
                <a:solidFill>
                  <a:schemeClr val="tx1"/>
                </a:solidFill>
              </a:rPr>
              <a:t>Hyvinvointialueen ensimmäisellä strategialla hallitaan turvallista siirtymää, varmistetaan yhteinen suunta, yhtenäistetään palvelutuotantoa ja käynnistetään </a:t>
            </a:r>
            <a:r>
              <a:rPr lang="fi-FI" sz="1200"/>
              <a:t>palvelutason parantaminen. </a:t>
            </a:r>
          </a:p>
          <a:p>
            <a:pPr marL="171450" indent="-1714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fi-FI" sz="1200">
                <a:solidFill>
                  <a:schemeClr val="tx1"/>
                </a:solidFill>
              </a:rPr>
              <a:t>Strategian päivitystarve arvioidaan vuosittain talousarvion tavoitteiden asettamisen yhteydessä</a:t>
            </a:r>
          </a:p>
          <a:p>
            <a:pPr marL="171450" indent="-1714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fi-FI" sz="1200">
                <a:solidFill>
                  <a:schemeClr val="tx1"/>
                </a:solidFill>
              </a:rPr>
              <a:t>Pitkän aikavälin tavoitteiden konkretisointi vuositavoitteiden asettamisen yhteydessä</a:t>
            </a:r>
          </a:p>
          <a:p>
            <a:pPr marL="171450" indent="-1714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fi-FI" sz="1200">
                <a:solidFill>
                  <a:schemeClr val="tx1"/>
                </a:solidFill>
              </a:rPr>
              <a:t>Pelastustoimen uusi palvelutasopäätös valtuuston hyväksyttäväksi 12/2023.</a:t>
            </a:r>
          </a:p>
          <a:p>
            <a:pPr algn="ctr">
              <a:spcAft>
                <a:spcPts val="600"/>
              </a:spcAft>
            </a:pPr>
            <a:endParaRPr lang="fi-FI" sz="1200"/>
          </a:p>
          <a:p>
            <a:pPr algn="ctr">
              <a:spcAft>
                <a:spcPts val="600"/>
              </a:spcAft>
            </a:pPr>
            <a:endParaRPr lang="fi-FI" sz="1200"/>
          </a:p>
        </p:txBody>
      </p:sp>
      <p:sp>
        <p:nvSpPr>
          <p:cNvPr id="75" name="Rectangle 74">
            <a:extLst>
              <a:ext uri="{FF2B5EF4-FFF2-40B4-BE49-F238E27FC236}">
                <a16:creationId xmlns:a16="http://schemas.microsoft.com/office/drawing/2014/main" id="{A4F03A33-D6A9-4A04-ACB0-4513AB137A3E}"/>
              </a:ext>
            </a:extLst>
          </p:cNvPr>
          <p:cNvSpPr/>
          <p:nvPr/>
        </p:nvSpPr>
        <p:spPr>
          <a:xfrm>
            <a:off x="8815971" y="4215712"/>
            <a:ext cx="3376029" cy="2566947"/>
          </a:xfrm>
          <a:prstGeom prst="rect">
            <a:avLst/>
          </a:prstGeom>
          <a:ln>
            <a:noFill/>
          </a:ln>
        </p:spPr>
        <p:style>
          <a:lnRef idx="2">
            <a:schemeClr val="accent4"/>
          </a:lnRef>
          <a:fillRef idx="1">
            <a:schemeClr val="lt1"/>
          </a:fillRef>
          <a:effectRef idx="0">
            <a:schemeClr val="accent4"/>
          </a:effectRef>
          <a:fontRef idx="minor">
            <a:schemeClr val="dk1"/>
          </a:fontRef>
        </p:style>
        <p:txBody>
          <a:bodyPr rtlCol="0" anchor="t"/>
          <a:lstStyle/>
          <a:p>
            <a:pPr>
              <a:spcAft>
                <a:spcPts val="600"/>
              </a:spcAft>
            </a:pPr>
            <a:r>
              <a:rPr lang="fi-FI" sz="1800" b="1">
                <a:solidFill>
                  <a:schemeClr val="tx1"/>
                </a:solidFill>
              </a:rPr>
              <a:t>Toiminnan kehittäminen jatkuu</a:t>
            </a:r>
            <a:endParaRPr lang="fi-FI" sz="1400" b="1">
              <a:solidFill>
                <a:schemeClr val="tx1"/>
              </a:solidFill>
            </a:endParaRPr>
          </a:p>
          <a:p>
            <a:pPr marL="171450" indent="-1714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fi-FI" sz="1200">
                <a:solidFill>
                  <a:schemeClr val="tx1"/>
                </a:solidFill>
              </a:rPr>
              <a:t>Strategian ajankohtaisuuden ja tavoitteiden arviointi ja tarkoituksenmukainen uudistaminen</a:t>
            </a:r>
          </a:p>
          <a:p>
            <a:pPr marL="171450" indent="-1714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fi-FI" sz="1200">
                <a:solidFill>
                  <a:schemeClr val="tx1"/>
                </a:solidFill>
              </a:rPr>
              <a:t>Strategista kehittämistä jatketaan ennakoiden palvelutarpeiden ja toimintaympäristön muutoksia, henkilöstö- ja asiakaskokemusta hyödyntäen.</a:t>
            </a:r>
            <a:endParaRPr lang="fi-FI" sz="1200" b="1">
              <a:solidFill>
                <a:schemeClr val="bg1">
                  <a:lumMod val="65000"/>
                </a:schemeClr>
              </a:solidFill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52DB0C23-B39E-4423-B4D9-BCDEF4F3FC39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9614" b="16601"/>
          <a:stretch/>
        </p:blipFill>
        <p:spPr>
          <a:xfrm>
            <a:off x="4935413" y="2196122"/>
            <a:ext cx="2378114" cy="1956473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D6891E94-14A9-4853-A6EF-C4C7C4993D2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204795" y="2091562"/>
            <a:ext cx="1942008" cy="1942008"/>
          </a:xfrm>
          <a:prstGeom prst="rect">
            <a:avLst/>
          </a:prstGeom>
        </p:spPr>
      </p:pic>
      <p:sp>
        <p:nvSpPr>
          <p:cNvPr id="28" name="Date Placeholder 1">
            <a:extLst>
              <a:ext uri="{FF2B5EF4-FFF2-40B4-BE49-F238E27FC236}">
                <a16:creationId xmlns:a16="http://schemas.microsoft.com/office/drawing/2014/main" id="{F83C3144-E06A-4F50-BC7D-BC1A729032E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983495" y="6257748"/>
            <a:ext cx="1074804" cy="365125"/>
          </a:xfrm>
        </p:spPr>
        <p:txBody>
          <a:bodyPr/>
          <a:lstStyle/>
          <a:p>
            <a:fld id="{D4052BFA-D1B1-4F10-9C2D-643307B963F0}" type="datetime1">
              <a:rPr lang="fi-FI" smtClean="0"/>
              <a:t>8.3.2022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4975413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402507" y="276945"/>
            <a:ext cx="9569557" cy="613182"/>
          </a:xfrm>
        </p:spPr>
        <p:txBody>
          <a:bodyPr>
            <a:noAutofit/>
          </a:bodyPr>
          <a:lstStyle/>
          <a:p>
            <a:r>
              <a:rPr lang="fi-FI" sz="2400" dirty="0">
                <a:solidFill>
                  <a:srgbClr val="7030A0"/>
                </a:solidFill>
              </a:rPr>
              <a:t>Strategiavalmistelun vuosikello 2022</a:t>
            </a:r>
          </a:p>
        </p:txBody>
      </p:sp>
      <p:graphicFrame>
        <p:nvGraphicFramePr>
          <p:cNvPr id="17" name="Content Placeholder 6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631962729"/>
              </p:ext>
            </p:extLst>
          </p:nvPr>
        </p:nvGraphicFramePr>
        <p:xfrm>
          <a:off x="402507" y="4170869"/>
          <a:ext cx="4797083" cy="1584960"/>
        </p:xfrm>
        <a:graphic>
          <a:graphicData uri="http://schemas.openxmlformats.org/drawingml/2006/table">
            <a:tbl>
              <a:tblPr firstRow="1" bandRow="1">
                <a:tableStyleId>{0E3FDE45-AF77-4B5C-9715-49D594BDF05E}</a:tableStyleId>
              </a:tblPr>
              <a:tblGrid>
                <a:gridCol w="479708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466140">
                <a:tc>
                  <a:txBody>
                    <a:bodyPr/>
                    <a:lstStyle/>
                    <a:p>
                      <a:r>
                        <a:rPr lang="fi-FI" sz="1400" b="1">
                          <a:solidFill>
                            <a:schemeClr val="tx1"/>
                          </a:solidFill>
                        </a:rPr>
                        <a:t>VAIHE 3: Hyvinvointialuestrategian viimeistely  hyväksyttäväksi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fi-FI" sz="1400" b="1">
                        <a:solidFill>
                          <a:schemeClr val="tx1"/>
                        </a:solidFill>
                      </a:endParaRPr>
                    </a:p>
                    <a:p>
                      <a:pPr marL="171450" indent="-171450" algn="l" defTabSz="914400" rtl="0" eaLnBrk="1" latinLnBrk="0" hangingPunct="1">
                        <a:buFont typeface="Arial" panose="020B0604020202020204" pitchFamily="34" charset="0"/>
                        <a:buChar char="•"/>
                      </a:pPr>
                      <a:r>
                        <a:rPr lang="fi-FI" sz="14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luevaltuuston talous- ja strategiaseminaari</a:t>
                      </a:r>
                    </a:p>
                    <a:p>
                      <a:pPr marL="171450" indent="-171450" algn="l" defTabSz="914400" rtl="0" eaLnBrk="1" latinLnBrk="0" hangingPunct="1">
                        <a:buFont typeface="Arial" panose="020B0604020202020204" pitchFamily="34" charset="0"/>
                        <a:buChar char="•"/>
                      </a:pPr>
                      <a:r>
                        <a:rPr lang="fi-FI" sz="14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trategian viimeistely päätöksentekoon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fi-FI" sz="1400" b="0">
                          <a:solidFill>
                            <a:schemeClr val="tx1"/>
                          </a:solidFill>
                        </a:rPr>
                        <a:t>Talousarvion ja -suunnitelman työstäminen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fi-FI" sz="1400" b="0">
                          <a:solidFill>
                            <a:schemeClr val="tx1"/>
                          </a:solidFill>
                        </a:rPr>
                        <a:t>Muiden ohjausdokumenttien huomioiminen aluestrategiassa</a:t>
                      </a:r>
                    </a:p>
                  </a:txBody>
                  <a:tcPr marL="91510" marR="9151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graphicFrame>
        <p:nvGraphicFramePr>
          <p:cNvPr id="18" name="Content Placeholder 6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852878290"/>
              </p:ext>
            </p:extLst>
          </p:nvPr>
        </p:nvGraphicFramePr>
        <p:xfrm>
          <a:off x="7854797" y="1696362"/>
          <a:ext cx="3748242" cy="1635760"/>
        </p:xfrm>
        <a:graphic>
          <a:graphicData uri="http://schemas.openxmlformats.org/drawingml/2006/table">
            <a:tbl>
              <a:tblPr firstRow="1" bandRow="1">
                <a:tableStyleId>{D27102A9-8310-4765-A935-A1911B00CA55}</a:tableStyleId>
              </a:tblPr>
              <a:tblGrid>
                <a:gridCol w="374824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466140">
                <a:tc>
                  <a:txBody>
                    <a:bodyPr/>
                    <a:lstStyle/>
                    <a:p>
                      <a:r>
                        <a:rPr lang="fi-FI" sz="1400" b="1">
                          <a:solidFill>
                            <a:schemeClr val="tx1"/>
                          </a:solidFill>
                        </a:rPr>
                        <a:t>VAIHE 1: Hyvinvointialueen v. 2022 strategiaprosessin suunnittelu ja käsittely</a:t>
                      </a:r>
                      <a:br>
                        <a:rPr lang="fi-FI" sz="1400" b="1">
                          <a:solidFill>
                            <a:schemeClr val="tx1"/>
                          </a:solidFill>
                        </a:rPr>
                      </a:br>
                      <a:endParaRPr lang="fi-FI" sz="1400" b="1">
                        <a:solidFill>
                          <a:schemeClr val="tx1"/>
                        </a:solidFill>
                      </a:endParaRPr>
                    </a:p>
                    <a:p>
                      <a:pPr marL="114300" marR="0" lvl="1" indent="-1143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200"/>
                        </a:spcBef>
                        <a:spcAft>
                          <a:spcPts val="0"/>
                        </a:spcAft>
                        <a:buClrTx/>
                        <a:buSzPct val="100000"/>
                        <a:buFont typeface="Arial"/>
                        <a:buChar char="•"/>
                        <a:tabLst/>
                        <a:defRPr/>
                      </a:pPr>
                      <a:r>
                        <a:rPr kumimoji="0" lang="fi-FI" sz="1400" b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</a:rPr>
                        <a:t>Strategiaprosessin työsuunnitelma vuodelle 2022 </a:t>
                      </a:r>
                    </a:p>
                    <a:p>
                      <a:pPr marL="114300" marR="0" lvl="1" indent="-1143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200"/>
                        </a:spcBef>
                        <a:spcAft>
                          <a:spcPts val="0"/>
                        </a:spcAft>
                        <a:buClrTx/>
                        <a:buSzPct val="100000"/>
                        <a:buFont typeface="Arial"/>
                        <a:buChar char="•"/>
                        <a:tabLst/>
                        <a:defRPr/>
                      </a:pPr>
                      <a:r>
                        <a:rPr kumimoji="0" lang="fi-FI" sz="1400" b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</a:rPr>
                        <a:t>Strategiakokonaisuuden rakenteiden määrittäminen</a:t>
                      </a:r>
                    </a:p>
                  </a:txBody>
                  <a:tcPr marL="91510" marR="9151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graphicFrame>
        <p:nvGraphicFramePr>
          <p:cNvPr id="19" name="Content Placeholder 6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31323479"/>
              </p:ext>
            </p:extLst>
          </p:nvPr>
        </p:nvGraphicFramePr>
        <p:xfrm>
          <a:off x="7849954" y="4170869"/>
          <a:ext cx="4208518" cy="1798320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4208518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653065">
                <a:tc>
                  <a:txBody>
                    <a:bodyPr/>
                    <a:lstStyle/>
                    <a:p>
                      <a:r>
                        <a:rPr lang="fi-FI" sz="1400"/>
                        <a:t>VAIHE 2: Hyvinvointialuestrategian valmistelu ja </a:t>
                      </a:r>
                      <a:r>
                        <a:rPr lang="fi-FI" sz="1400" b="1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trategisten painopisteiden linjaukset</a:t>
                      </a:r>
                    </a:p>
                    <a:p>
                      <a:endParaRPr lang="fi-FI" sz="1400" b="1" kern="120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kumimoji="0" lang="fi-FI" sz="1400" b="0" u="none" strike="noStrike" kern="1200" cap="none" spc="0" normalizeH="0" baseline="0">
                          <a:ln>
                            <a:noFill/>
                          </a:ln>
                          <a:effectLst/>
                          <a:uLnTx/>
                          <a:uFillTx/>
                        </a:rPr>
                        <a:t>Keskeisten toimijoiden (valtuutetut, henkilöstö, asukkaat) osallistuminen strategiatyöhön käynnistyy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kumimoji="0" lang="fi-FI" sz="1400" b="0" u="none" strike="noStrike" kern="1200" cap="none" spc="0" normalizeH="0" baseline="0">
                          <a:ln>
                            <a:noFill/>
                          </a:ln>
                          <a:effectLst/>
                          <a:uLnTx/>
                          <a:uFillTx/>
                        </a:rPr>
                        <a:t>Hyvinvointialueen mission, strategisten painopisteiden ja tavoitteiden valmistelu 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kumimoji="0" lang="fi-FI" sz="1400" b="0" u="none" strike="noStrike" kern="1200" cap="none" spc="0" normalizeH="0" baseline="0">
                          <a:ln>
                            <a:noFill/>
                          </a:ln>
                          <a:effectLst/>
                          <a:uLnTx/>
                          <a:uFillTx/>
                        </a:rPr>
                        <a:t>Talousarviovalmistelun käynnistäminen</a:t>
                      </a:r>
                      <a:endParaRPr kumimoji="0" lang="fi-FI" sz="1400" b="0" u="none" strike="noStrike" kern="1200" cap="none" spc="0" normalizeH="0" baseline="0">
                        <a:ln>
                          <a:noFill/>
                        </a:ln>
                        <a:solidFill>
                          <a:srgbClr val="FF0000"/>
                        </a:solidFill>
                        <a:effectLst/>
                        <a:uLnTx/>
                        <a:uFillTx/>
                      </a:endParaRPr>
                    </a:p>
                  </a:txBody>
                  <a:tcPr marL="91510" marR="9151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sp>
        <p:nvSpPr>
          <p:cNvPr id="21" name="TextBox 20">
            <a:extLst>
              <a:ext uri="{FF2B5EF4-FFF2-40B4-BE49-F238E27FC236}">
                <a16:creationId xmlns:a16="http://schemas.microsoft.com/office/drawing/2014/main" id="{93FDE341-F166-405F-9530-3C4D89C8C7C7}"/>
              </a:ext>
            </a:extLst>
          </p:cNvPr>
          <p:cNvSpPr txBox="1"/>
          <p:nvPr/>
        </p:nvSpPr>
        <p:spPr>
          <a:xfrm>
            <a:off x="7849953" y="1369515"/>
            <a:ext cx="3645056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i-FI" sz="1400" b="1">
                <a:solidFill>
                  <a:schemeClr val="accent4"/>
                </a:solidFill>
                <a:latin typeface="+mj-lt"/>
              </a:rPr>
              <a:t>Tammikuu-maaliskuu 2022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1B1E43DC-5C09-48E7-BCFF-9C6DAC6C0F01}"/>
              </a:ext>
            </a:extLst>
          </p:cNvPr>
          <p:cNvSpPr txBox="1"/>
          <p:nvPr/>
        </p:nvSpPr>
        <p:spPr>
          <a:xfrm>
            <a:off x="7834180" y="3756412"/>
            <a:ext cx="3835553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i-FI" sz="1400" b="1" i="0" u="none" strike="noStrike" kern="1200" cap="none" spc="0" normalizeH="0" baseline="0" noProof="0">
                <a:ln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n-ea"/>
                <a:cs typeface="+mn-cs"/>
              </a:rPr>
              <a:t>Huhtikuu</a:t>
            </a:r>
            <a:r>
              <a:rPr lang="fi-FI" sz="1400" b="1">
                <a:solidFill>
                  <a:schemeClr val="accent1">
                    <a:lumMod val="60000"/>
                    <a:lumOff val="40000"/>
                  </a:schemeClr>
                </a:solidFill>
                <a:latin typeface="+mj-lt"/>
              </a:rPr>
              <a:t>-kesäkuu 2022</a:t>
            </a:r>
            <a:endParaRPr kumimoji="0" lang="fi-FI" sz="1400" b="1" i="0" u="none" strike="noStrike" kern="1200" cap="none" spc="0" normalizeH="0" baseline="0" noProof="0">
              <a:ln>
                <a:noFill/>
              </a:ln>
              <a:solidFill>
                <a:schemeClr val="accent1">
                  <a:lumMod val="60000"/>
                  <a:lumOff val="40000"/>
                </a:schemeClr>
              </a:solidFill>
              <a:effectLst/>
              <a:uLnTx/>
              <a:uFillTx/>
              <a:latin typeface="+mj-lt"/>
              <a:ea typeface="+mn-ea"/>
              <a:cs typeface="+mn-cs"/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95273AA1-BEFC-47ED-B380-37ECA8C0AB89}"/>
              </a:ext>
            </a:extLst>
          </p:cNvPr>
          <p:cNvSpPr txBox="1"/>
          <p:nvPr/>
        </p:nvSpPr>
        <p:spPr>
          <a:xfrm>
            <a:off x="402507" y="3756412"/>
            <a:ext cx="3271277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i-FI" sz="1400" b="1">
                <a:solidFill>
                  <a:schemeClr val="accent2">
                    <a:lumMod val="75000"/>
                  </a:schemeClr>
                </a:solidFill>
                <a:latin typeface="+mj-lt"/>
              </a:rPr>
              <a:t>Elo</a:t>
            </a:r>
            <a:r>
              <a:rPr kumimoji="0" lang="fi-FI" sz="1400" b="1" i="0" u="none" strike="noStrike" kern="1200" cap="none" spc="0" normalizeH="0" baseline="0" noProof="0">
                <a:ln>
                  <a:noFill/>
                </a:ln>
                <a:solidFill>
                  <a:schemeClr val="accent2">
                    <a:lumMod val="75000"/>
                  </a:schemeClr>
                </a:solidFill>
                <a:effectLst/>
                <a:uLnTx/>
                <a:uFillTx/>
                <a:latin typeface="+mj-lt"/>
                <a:ea typeface="+mn-ea"/>
                <a:cs typeface="+mn-cs"/>
              </a:rPr>
              <a:t>kuu – syyskuu 2022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0D153855-0BCA-4353-8F22-007780123721}"/>
              </a:ext>
            </a:extLst>
          </p:cNvPr>
          <p:cNvSpPr txBox="1"/>
          <p:nvPr/>
        </p:nvSpPr>
        <p:spPr>
          <a:xfrm>
            <a:off x="402507" y="1369515"/>
            <a:ext cx="3581530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i-FI" sz="1400" b="1" i="0" u="none" strike="noStrike" kern="1200" cap="none" spc="0" normalizeH="0" baseline="0" noProof="0">
                <a:ln>
                  <a:noFill/>
                </a:ln>
                <a:solidFill>
                  <a:schemeClr val="accent5"/>
                </a:solidFill>
                <a:effectLst/>
                <a:uLnTx/>
                <a:uFillTx/>
                <a:latin typeface="+mj-lt"/>
                <a:ea typeface="+mn-ea"/>
                <a:cs typeface="+mn-cs"/>
              </a:rPr>
              <a:t>Lokakuu – joulukuu 2022</a:t>
            </a:r>
          </a:p>
        </p:txBody>
      </p:sp>
      <p:graphicFrame>
        <p:nvGraphicFramePr>
          <p:cNvPr id="16" name="Content Placeholder 6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06042838"/>
              </p:ext>
            </p:extLst>
          </p:nvPr>
        </p:nvGraphicFramePr>
        <p:xfrm>
          <a:off x="501650" y="1643333"/>
          <a:ext cx="4163026" cy="1584960"/>
        </p:xfrm>
        <a:graphic>
          <a:graphicData uri="http://schemas.openxmlformats.org/drawingml/2006/table">
            <a:tbl>
              <a:tblPr firstRow="1" bandRow="1">
                <a:tableStyleId>{68D230F3-CF80-4859-8CE7-A43EE81993B5}</a:tableStyleId>
              </a:tblPr>
              <a:tblGrid>
                <a:gridCol w="4163026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466140">
                <a:tc>
                  <a:txBody>
                    <a:bodyPr/>
                    <a:lstStyle/>
                    <a:p>
                      <a:r>
                        <a:rPr lang="fi-FI" sz="1400" b="1">
                          <a:solidFill>
                            <a:schemeClr val="tx1"/>
                          </a:solidFill>
                        </a:rPr>
                        <a:t>VAIHE 4: Talousarvion- ja suunnitelman hyväksyminen</a:t>
                      </a:r>
                    </a:p>
                    <a:p>
                      <a:endParaRPr lang="fi-FI" sz="1400" b="1" u="sng">
                        <a:solidFill>
                          <a:schemeClr val="tx1"/>
                        </a:solidFill>
                      </a:endParaRP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fi-FI" sz="1400" b="0">
                          <a:solidFill>
                            <a:schemeClr val="tx1"/>
                          </a:solidFill>
                        </a:rPr>
                        <a:t>Talousarvion ja -suunnitelman käsittely ja hyväksyminen (ml. hv-aluestrategiasta johdettujen vuositavoitteiden asettaminen)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fi-FI" sz="1400" b="0">
                          <a:solidFill>
                            <a:schemeClr val="tx1"/>
                          </a:solidFill>
                        </a:rPr>
                        <a:t>Strategian visualisointi ja toimeenpanosuunnitelma</a:t>
                      </a:r>
                    </a:p>
                  </a:txBody>
                  <a:tcPr marL="91510" marR="9151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sp>
        <p:nvSpPr>
          <p:cNvPr id="26" name="Slide Number Placeholder 2">
            <a:extLst>
              <a:ext uri="{FF2B5EF4-FFF2-40B4-BE49-F238E27FC236}">
                <a16:creationId xmlns:a16="http://schemas.microsoft.com/office/drawing/2014/main" id="{7704B9AD-E85C-48AD-AD03-A563981A43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75568" y="6257749"/>
            <a:ext cx="603473" cy="365125"/>
          </a:xfrm>
        </p:spPr>
        <p:txBody>
          <a:bodyPr/>
          <a:lstStyle/>
          <a:p>
            <a:fld id="{D5C7B8F6-2765-465B-BF52-D1DF320C1AE3}" type="slidenum">
              <a:rPr lang="fi-FI" smtClean="0"/>
              <a:t>5</a:t>
            </a:fld>
            <a:endParaRPr lang="fi-FI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A41DE5EC-03CB-4BA9-AE01-5EEBF506AAB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664676" y="2330717"/>
            <a:ext cx="3131627" cy="313162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765418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3010183-21DD-41EA-993D-343EE7A7F3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5C7B8F6-2765-465B-BF52-D1DF320C1AE3}" type="slidenum">
              <a:rPr kumimoji="0" lang="fi-FI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SemiBold" panose="00000700000000000000" pitchFamily="2" charset="0"/>
                <a:ea typeface="+mn-ea"/>
              </a:rPr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fi-FI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Poppins SemiBold" panose="00000700000000000000" pitchFamily="2" charset="0"/>
              <a:ea typeface="+mn-ea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35528E7-0DAE-40E5-BB23-1954F33564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3838" y="237162"/>
            <a:ext cx="9569557" cy="613182"/>
          </a:xfrm>
        </p:spPr>
        <p:txBody>
          <a:bodyPr>
            <a:noAutofit/>
          </a:bodyPr>
          <a:lstStyle/>
          <a:p>
            <a:r>
              <a:rPr lang="fi-FI" sz="2400" dirty="0">
                <a:solidFill>
                  <a:srgbClr val="7030A0"/>
                </a:solidFill>
              </a:rPr>
              <a:t>Strategiavalmistelun aikataulu 2022, osallisuussuunnitelma</a:t>
            </a:r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6555B0BD-D94E-4817-ADB4-60251D0E5C45}"/>
              </a:ext>
            </a:extLst>
          </p:cNvPr>
          <p:cNvSpPr txBox="1">
            <a:spLocks/>
          </p:cNvSpPr>
          <p:nvPr/>
        </p:nvSpPr>
        <p:spPr bwMode="gray">
          <a:xfrm>
            <a:off x="2500328" y="2744386"/>
            <a:ext cx="3993894" cy="3300964"/>
          </a:xfrm>
          <a:prstGeom prst="rect">
            <a:avLst/>
          </a:prstGeom>
          <a:ln>
            <a:noFill/>
          </a:ln>
        </p:spPr>
        <p:txBody>
          <a:bodyPr vert="horz" wrap="square" lIns="0" tIns="1044000" rIns="0" bIns="0" rtlCol="0" anchor="t">
            <a:spAutoFit/>
          </a:bodyPr>
          <a:lstStyle>
            <a:defPPr>
              <a:defRPr lang="en-US"/>
            </a:defPPr>
            <a:lvl2pPr marL="0" lvl="1">
              <a:spcBef>
                <a:spcPts val="1200"/>
              </a:spcBef>
              <a:buSzPct val="100000"/>
              <a:defRPr sz="1200" b="1">
                <a:solidFill>
                  <a:schemeClr val="accent6">
                    <a:lumMod val="40000"/>
                    <a:lumOff val="60000"/>
                  </a:schemeClr>
                </a:solidFill>
              </a:defRPr>
            </a:lvl2pPr>
          </a:lstStyle>
          <a:p>
            <a:pPr marL="0" marR="0" lvl="1" indent="0" algn="ctr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/>
            </a:pPr>
            <a:endParaRPr kumimoji="0" lang="fi-FI" sz="1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Poppins ExtraLight"/>
              <a:ea typeface="+mn-ea"/>
              <a:cs typeface="+mn-cs"/>
            </a:endParaRPr>
          </a:p>
          <a:p>
            <a:pPr marL="0" marR="0" lvl="1" indent="0" algn="ctr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/>
            </a:pPr>
            <a:endParaRPr kumimoji="0" lang="fi-FI" sz="1600" b="1" i="1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Poppins ExtraLight"/>
              <a:ea typeface="+mn-ea"/>
              <a:cs typeface="+mn-cs"/>
            </a:endParaRPr>
          </a:p>
          <a:p>
            <a:pPr marL="0" marR="0" lvl="1" indent="0" algn="ctr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/>
            </a:pPr>
            <a:endParaRPr kumimoji="0" lang="fi-FI" sz="1600" b="1" i="1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Poppins ExtraLight"/>
              <a:ea typeface="+mn-ea"/>
              <a:cs typeface="+mn-cs"/>
            </a:endParaRPr>
          </a:p>
          <a:p>
            <a:pPr marL="0" marR="0" lvl="1" indent="0" algn="ctr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/>
            </a:pPr>
            <a:endParaRPr kumimoji="0" lang="fi-FI" sz="1600" b="1" i="1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Poppins ExtraLight"/>
              <a:ea typeface="+mn-ea"/>
              <a:cs typeface="+mn-cs"/>
            </a:endParaRPr>
          </a:p>
          <a:p>
            <a:pPr marL="0" marR="0" lvl="1" indent="0" algn="ctr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/>
            </a:pPr>
            <a:endParaRPr kumimoji="0" lang="fi-FI" sz="1600" b="1" i="1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Poppins ExtraLight"/>
              <a:ea typeface="+mn-ea"/>
              <a:cs typeface="+mn-cs"/>
            </a:endParaRPr>
          </a:p>
          <a:p>
            <a:pPr marL="0" marR="0" lvl="1" indent="0" algn="ctr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/>
            </a:pPr>
            <a:endParaRPr kumimoji="0" lang="fi-FI" sz="1600" b="1" i="1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Poppins ExtraLight"/>
              <a:ea typeface="+mn-ea"/>
              <a:cs typeface="+mn-cs"/>
            </a:endParaRPr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5C1011E6-2A36-4B32-B364-9FD7B39555DA}"/>
              </a:ext>
            </a:extLst>
          </p:cNvPr>
          <p:cNvSpPr txBox="1">
            <a:spLocks/>
          </p:cNvSpPr>
          <p:nvPr/>
        </p:nvSpPr>
        <p:spPr bwMode="gray">
          <a:xfrm>
            <a:off x="602702" y="2695864"/>
            <a:ext cx="2160000" cy="2500745"/>
          </a:xfrm>
          <a:prstGeom prst="rect">
            <a:avLst/>
          </a:prstGeom>
          <a:ln>
            <a:noFill/>
          </a:ln>
        </p:spPr>
        <p:txBody>
          <a:bodyPr vert="horz" lIns="0" tIns="1044000" rIns="0" bIns="0" rtlCol="0" anchor="t">
            <a:spAutoFit/>
          </a:bodyPr>
          <a:lstStyle/>
          <a:p>
            <a:pPr marL="0" marR="0" lvl="1" indent="0" algn="ctr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/>
            </a:pPr>
            <a:endParaRPr kumimoji="0" lang="fi-FI" sz="1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Poppins ExtraLight"/>
              <a:ea typeface="+mn-ea"/>
              <a:cs typeface="+mn-cs"/>
            </a:endParaRPr>
          </a:p>
          <a:p>
            <a:pPr marL="0" marR="0" lvl="1" indent="0" algn="ctr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/>
            </a:pPr>
            <a:endParaRPr kumimoji="0" lang="fi-FI" sz="1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Poppins ExtraLight"/>
              <a:ea typeface="+mn-ea"/>
              <a:cs typeface="+mn-cs"/>
            </a:endParaRPr>
          </a:p>
          <a:p>
            <a:pPr marL="0" marR="0" lvl="1" indent="0" algn="ctr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/>
            </a:pPr>
            <a:endParaRPr kumimoji="0" lang="fi-FI" sz="1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Poppins ExtraLight"/>
              <a:ea typeface="+mn-ea"/>
              <a:cs typeface="+mn-cs"/>
            </a:endParaRPr>
          </a:p>
          <a:p>
            <a:pPr marL="0" marR="0" lvl="1" indent="0" algn="ctr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/>
            </a:pPr>
            <a:endParaRPr kumimoji="0" lang="fi-FI" sz="1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Poppins ExtraLight"/>
              <a:ea typeface="+mn-ea"/>
              <a:cs typeface="+mn-cs"/>
            </a:endParaRPr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70936C69-8658-49E0-AC65-BA599272F1F3}"/>
              </a:ext>
            </a:extLst>
          </p:cNvPr>
          <p:cNvSpPr txBox="1">
            <a:spLocks/>
          </p:cNvSpPr>
          <p:nvPr/>
        </p:nvSpPr>
        <p:spPr bwMode="gray">
          <a:xfrm>
            <a:off x="6494742" y="2721698"/>
            <a:ext cx="1969959" cy="2500745"/>
          </a:xfrm>
          <a:prstGeom prst="rect">
            <a:avLst/>
          </a:prstGeom>
          <a:ln>
            <a:noFill/>
          </a:ln>
        </p:spPr>
        <p:txBody>
          <a:bodyPr vert="horz" wrap="square" lIns="0" tIns="1044000" rIns="0" bIns="0" rtlCol="0" anchor="t">
            <a:spAutoFit/>
          </a:bodyPr>
          <a:lstStyle>
            <a:defPPr>
              <a:defRPr lang="en-US"/>
            </a:defPPr>
            <a:lvl2pPr marL="0" lvl="1">
              <a:spcBef>
                <a:spcPts val="1200"/>
              </a:spcBef>
              <a:buSzPct val="100000"/>
              <a:defRPr sz="1200" b="1">
                <a:solidFill>
                  <a:schemeClr val="accent1"/>
                </a:solidFill>
              </a:defRPr>
            </a:lvl2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i-FI" sz="1400" b="1" i="0" u="sng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Aluevaltuuston </a:t>
            </a:r>
            <a:r>
              <a:rPr kumimoji="0" lang="fi-FI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talous- ja strategiaseminaari </a:t>
            </a:r>
            <a:r>
              <a:rPr kumimoji="0" lang="fi-FI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Tavoitteiden jatkojalostus ja viimeistely; ryhmätyöt ja yhteiskeskustelu</a:t>
            </a:r>
          </a:p>
          <a:p>
            <a:pPr marL="0" marR="0" lvl="1" indent="0" algn="ctr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/>
            </a:pPr>
            <a:endParaRPr kumimoji="0" lang="fi-FI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Poppins ExtraLight"/>
              <a:ea typeface="+mn-ea"/>
              <a:cs typeface="+mn-cs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B1A549B7-4A86-45EF-B7D5-DBB19C54F060}"/>
              </a:ext>
            </a:extLst>
          </p:cNvPr>
          <p:cNvSpPr>
            <a:spLocks/>
          </p:cNvSpPr>
          <p:nvPr/>
        </p:nvSpPr>
        <p:spPr bwMode="gray">
          <a:xfrm>
            <a:off x="10378583" y="2092154"/>
            <a:ext cx="1850626" cy="77889"/>
          </a:xfrm>
          <a:prstGeom prst="rect">
            <a:avLst/>
          </a:prstGeom>
          <a:solidFill>
            <a:schemeClr val="accent1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1219170" rtl="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fi-FI" sz="1600" b="1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A852043A-6C47-43B9-89E7-59A59D3F6A3D}"/>
              </a:ext>
            </a:extLst>
          </p:cNvPr>
          <p:cNvSpPr>
            <a:spLocks/>
          </p:cNvSpPr>
          <p:nvPr/>
        </p:nvSpPr>
        <p:spPr bwMode="gray">
          <a:xfrm>
            <a:off x="3451175" y="2092155"/>
            <a:ext cx="908821" cy="77889"/>
          </a:xfrm>
          <a:prstGeom prst="rect">
            <a:avLst/>
          </a:prstGeom>
          <a:gradFill>
            <a:gsLst>
              <a:gs pos="17000">
                <a:schemeClr val="accent5"/>
              </a:gs>
              <a:gs pos="67000">
                <a:schemeClr val="accent4"/>
              </a:gs>
            </a:gsLst>
            <a:lin ang="0" scaled="0"/>
          </a:gra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1219170" rtl="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fi-FI" sz="1600" b="1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DA5AC2B6-63A4-4BFE-8C23-6A93B2432FCB}"/>
              </a:ext>
            </a:extLst>
          </p:cNvPr>
          <p:cNvGrpSpPr>
            <a:grpSpLocks/>
          </p:cNvGrpSpPr>
          <p:nvPr/>
        </p:nvGrpSpPr>
        <p:grpSpPr>
          <a:xfrm>
            <a:off x="1951184" y="959680"/>
            <a:ext cx="1598523" cy="2005765"/>
            <a:chOff x="2055768" y="1602865"/>
            <a:chExt cx="1598523" cy="2005765"/>
          </a:xfrm>
        </p:grpSpPr>
        <p:sp>
          <p:nvSpPr>
            <p:cNvPr id="17" name="Teardrop 16">
              <a:extLst>
                <a:ext uri="{FF2B5EF4-FFF2-40B4-BE49-F238E27FC236}">
                  <a16:creationId xmlns:a16="http://schemas.microsoft.com/office/drawing/2014/main" id="{7B85850E-8591-417B-89BC-265A4D1935A9}"/>
                </a:ext>
              </a:extLst>
            </p:cNvPr>
            <p:cNvSpPr/>
            <p:nvPr/>
          </p:nvSpPr>
          <p:spPr bwMode="gray">
            <a:xfrm rot="8100000">
              <a:off x="2103109" y="1602865"/>
              <a:ext cx="1503841" cy="1503844"/>
            </a:xfrm>
            <a:prstGeom prst="teardrop">
              <a:avLst/>
            </a:prstGeom>
            <a:solidFill>
              <a:schemeClr val="accent5"/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marL="0" marR="0" lvl="0" indent="0" algn="ctr" defTabSz="1219170" rtl="0" eaLnBrk="1" fontAlgn="auto" latinLnBrk="0" hangingPunct="1">
                <a:lnSpc>
                  <a:spcPct val="106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Wingdings 2" pitchFamily="18" charset="2"/>
                <a:buNone/>
                <a:tabLst/>
                <a:defRPr/>
              </a:pPr>
              <a:endParaRPr kumimoji="0" lang="fi-FI" sz="16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8" name="Freeform 23">
              <a:extLst>
                <a:ext uri="{FF2B5EF4-FFF2-40B4-BE49-F238E27FC236}">
                  <a16:creationId xmlns:a16="http://schemas.microsoft.com/office/drawing/2014/main" id="{BF2D498C-2090-49A1-B111-0B056C6E4606}"/>
                </a:ext>
              </a:extLst>
            </p:cNvPr>
            <p:cNvSpPr/>
            <p:nvPr/>
          </p:nvSpPr>
          <p:spPr bwMode="gray">
            <a:xfrm>
              <a:off x="2055768" y="2736722"/>
              <a:ext cx="1598523" cy="871908"/>
            </a:xfrm>
            <a:custGeom>
              <a:avLst/>
              <a:gdLst>
                <a:gd name="connsiteX0" fmla="*/ 0 w 2235812"/>
                <a:gd name="connsiteY0" fmla="*/ 0 h 1219515"/>
                <a:gd name="connsiteX1" fmla="*/ 135994 w 2235812"/>
                <a:gd name="connsiteY1" fmla="*/ 0 h 1219515"/>
                <a:gd name="connsiteX2" fmla="*/ 183908 w 2235812"/>
                <a:gd name="connsiteY2" fmla="*/ 81083 h 1219515"/>
                <a:gd name="connsiteX3" fmla="*/ 327199 w 2235812"/>
                <a:gd name="connsiteY3" fmla="*/ 256502 h 1219515"/>
                <a:gd name="connsiteX4" fmla="*/ 1117908 w 2235812"/>
                <a:gd name="connsiteY4" fmla="*/ 1047211 h 1219515"/>
                <a:gd name="connsiteX5" fmla="*/ 1908614 w 2235812"/>
                <a:gd name="connsiteY5" fmla="*/ 256504 h 1219515"/>
                <a:gd name="connsiteX6" fmla="*/ 2051905 w 2235812"/>
                <a:gd name="connsiteY6" fmla="*/ 81085 h 1219515"/>
                <a:gd name="connsiteX7" fmla="*/ 2099821 w 2235812"/>
                <a:gd name="connsiteY7" fmla="*/ 0 h 1219515"/>
                <a:gd name="connsiteX8" fmla="*/ 2235812 w 2235812"/>
                <a:gd name="connsiteY8" fmla="*/ 0 h 1219515"/>
                <a:gd name="connsiteX9" fmla="*/ 2216094 w 2235812"/>
                <a:gd name="connsiteY9" fmla="*/ 42485 h 1219515"/>
                <a:gd name="connsiteX10" fmla="*/ 1994765 w 2235812"/>
                <a:gd name="connsiteY10" fmla="*/ 342657 h 1219515"/>
                <a:gd name="connsiteX11" fmla="*/ 1117907 w 2235812"/>
                <a:gd name="connsiteY11" fmla="*/ 1219515 h 1219515"/>
                <a:gd name="connsiteX12" fmla="*/ 241048 w 2235812"/>
                <a:gd name="connsiteY12" fmla="*/ 342656 h 1219515"/>
                <a:gd name="connsiteX13" fmla="*/ 19718 w 2235812"/>
                <a:gd name="connsiteY13" fmla="*/ 42483 h 12195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2235812" h="1219515">
                  <a:moveTo>
                    <a:pt x="0" y="0"/>
                  </a:moveTo>
                  <a:lnTo>
                    <a:pt x="135994" y="0"/>
                  </a:lnTo>
                  <a:lnTo>
                    <a:pt x="183908" y="81083"/>
                  </a:lnTo>
                  <a:cubicBezTo>
                    <a:pt x="224849" y="143089"/>
                    <a:pt x="272612" y="201915"/>
                    <a:pt x="327199" y="256502"/>
                  </a:cubicBezTo>
                  <a:lnTo>
                    <a:pt x="1117908" y="1047211"/>
                  </a:lnTo>
                  <a:lnTo>
                    <a:pt x="1908614" y="256504"/>
                  </a:lnTo>
                  <a:cubicBezTo>
                    <a:pt x="1963201" y="201918"/>
                    <a:pt x="2010965" y="143091"/>
                    <a:pt x="2051905" y="81085"/>
                  </a:cubicBezTo>
                  <a:lnTo>
                    <a:pt x="2099821" y="0"/>
                  </a:lnTo>
                  <a:lnTo>
                    <a:pt x="2235812" y="0"/>
                  </a:lnTo>
                  <a:lnTo>
                    <a:pt x="2216094" y="42485"/>
                  </a:lnTo>
                  <a:cubicBezTo>
                    <a:pt x="2159343" y="150476"/>
                    <a:pt x="2085567" y="251855"/>
                    <a:pt x="1994765" y="342657"/>
                  </a:cubicBezTo>
                  <a:lnTo>
                    <a:pt x="1117907" y="1219515"/>
                  </a:lnTo>
                  <a:lnTo>
                    <a:pt x="241048" y="342656"/>
                  </a:lnTo>
                  <a:cubicBezTo>
                    <a:pt x="150246" y="251854"/>
                    <a:pt x="76469" y="150475"/>
                    <a:pt x="19718" y="42483"/>
                  </a:cubicBezTo>
                  <a:close/>
                </a:path>
              </a:pathLst>
            </a:custGeom>
            <a:solidFill>
              <a:schemeClr val="accent5"/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marL="0" marR="0" lvl="0" indent="0" algn="ctr" defTabSz="1219170" rtl="0" eaLnBrk="1" fontAlgn="auto" latinLnBrk="0" hangingPunct="1">
                <a:lnSpc>
                  <a:spcPct val="106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Wingdings 2" pitchFamily="18" charset="2"/>
                <a:buNone/>
                <a:tabLst/>
                <a:defRPr/>
              </a:pPr>
              <a:endParaRPr kumimoji="0" lang="fi-FI" sz="16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19" name="Oval 18">
              <a:extLst>
                <a:ext uri="{FF2B5EF4-FFF2-40B4-BE49-F238E27FC236}">
                  <a16:creationId xmlns:a16="http://schemas.microsoft.com/office/drawing/2014/main" id="{4D1284B1-14F9-42DC-9D06-92082C739AB2}"/>
                </a:ext>
              </a:extLst>
            </p:cNvPr>
            <p:cNvSpPr/>
            <p:nvPr/>
          </p:nvSpPr>
          <p:spPr bwMode="gray">
            <a:xfrm>
              <a:off x="2303206" y="1758652"/>
              <a:ext cx="1119070" cy="1119071"/>
            </a:xfrm>
            <a:prstGeom prst="ellipse">
              <a:avLst/>
            </a:prstGeom>
            <a:solidFill>
              <a:schemeClr val="bg1"/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marL="0" marR="0" lvl="0" indent="0" algn="ctr" defTabSz="1219170" rtl="0" eaLnBrk="1" fontAlgn="auto" latinLnBrk="0" hangingPunct="1">
                <a:lnSpc>
                  <a:spcPct val="106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Wingdings 2" pitchFamily="18" charset="2"/>
                <a:buNone/>
                <a:tabLst/>
                <a:defRPr/>
              </a:pPr>
              <a:endParaRPr kumimoji="0" lang="fi-FI" sz="16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</p:grpSp>
      <p:grpSp>
        <p:nvGrpSpPr>
          <p:cNvPr id="20" name="Group 19">
            <a:extLst>
              <a:ext uri="{FF2B5EF4-FFF2-40B4-BE49-F238E27FC236}">
                <a16:creationId xmlns:a16="http://schemas.microsoft.com/office/drawing/2014/main" id="{34623F66-F3D2-495F-81F1-3E39E0814FE0}"/>
              </a:ext>
            </a:extLst>
          </p:cNvPr>
          <p:cNvGrpSpPr>
            <a:grpSpLocks/>
          </p:cNvGrpSpPr>
          <p:nvPr/>
        </p:nvGrpSpPr>
        <p:grpSpPr>
          <a:xfrm>
            <a:off x="4289357" y="959680"/>
            <a:ext cx="1598523" cy="2005765"/>
            <a:chOff x="3622989" y="1602865"/>
            <a:chExt cx="1598523" cy="2005765"/>
          </a:xfrm>
        </p:grpSpPr>
        <p:sp>
          <p:nvSpPr>
            <p:cNvPr id="21" name="Teardrop 20">
              <a:extLst>
                <a:ext uri="{FF2B5EF4-FFF2-40B4-BE49-F238E27FC236}">
                  <a16:creationId xmlns:a16="http://schemas.microsoft.com/office/drawing/2014/main" id="{2615CAEE-B69B-4E9E-B0A9-309F2216568B}"/>
                </a:ext>
              </a:extLst>
            </p:cNvPr>
            <p:cNvSpPr/>
            <p:nvPr/>
          </p:nvSpPr>
          <p:spPr bwMode="gray">
            <a:xfrm rot="8100000">
              <a:off x="3670329" y="1602865"/>
              <a:ext cx="1503841" cy="1503844"/>
            </a:xfrm>
            <a:prstGeom prst="teardrop">
              <a:avLst/>
            </a:prstGeom>
            <a:solidFill>
              <a:schemeClr val="accent4"/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marL="0" marR="0" lvl="0" indent="0" algn="ctr" defTabSz="1219170" rtl="0" eaLnBrk="1" fontAlgn="auto" latinLnBrk="0" hangingPunct="1">
                <a:lnSpc>
                  <a:spcPct val="106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Wingdings 2" pitchFamily="18" charset="2"/>
                <a:buNone/>
                <a:tabLst/>
                <a:defRPr/>
              </a:pPr>
              <a:endParaRPr kumimoji="0" lang="fi-FI" sz="1600" b="1" i="0" u="none" strike="noStrike" kern="1200" cap="none" spc="0" normalizeH="0" baseline="0" noProof="0">
                <a:ln>
                  <a:noFill/>
                </a:ln>
                <a:solidFill>
                  <a:srgbClr val="046A38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22" name="Freeform 27">
              <a:extLst>
                <a:ext uri="{FF2B5EF4-FFF2-40B4-BE49-F238E27FC236}">
                  <a16:creationId xmlns:a16="http://schemas.microsoft.com/office/drawing/2014/main" id="{F8E742E0-515B-486D-B5C1-C8509E32419B}"/>
                </a:ext>
              </a:extLst>
            </p:cNvPr>
            <p:cNvSpPr/>
            <p:nvPr/>
          </p:nvSpPr>
          <p:spPr bwMode="gray">
            <a:xfrm>
              <a:off x="3622989" y="2736722"/>
              <a:ext cx="1598523" cy="871908"/>
            </a:xfrm>
            <a:custGeom>
              <a:avLst/>
              <a:gdLst>
                <a:gd name="connsiteX0" fmla="*/ 0 w 2235812"/>
                <a:gd name="connsiteY0" fmla="*/ 0 h 1219515"/>
                <a:gd name="connsiteX1" fmla="*/ 135994 w 2235812"/>
                <a:gd name="connsiteY1" fmla="*/ 0 h 1219515"/>
                <a:gd name="connsiteX2" fmla="*/ 183908 w 2235812"/>
                <a:gd name="connsiteY2" fmla="*/ 81083 h 1219515"/>
                <a:gd name="connsiteX3" fmla="*/ 327199 w 2235812"/>
                <a:gd name="connsiteY3" fmla="*/ 256502 h 1219515"/>
                <a:gd name="connsiteX4" fmla="*/ 1117908 w 2235812"/>
                <a:gd name="connsiteY4" fmla="*/ 1047211 h 1219515"/>
                <a:gd name="connsiteX5" fmla="*/ 1908614 w 2235812"/>
                <a:gd name="connsiteY5" fmla="*/ 256504 h 1219515"/>
                <a:gd name="connsiteX6" fmla="*/ 2051905 w 2235812"/>
                <a:gd name="connsiteY6" fmla="*/ 81085 h 1219515"/>
                <a:gd name="connsiteX7" fmla="*/ 2099821 w 2235812"/>
                <a:gd name="connsiteY7" fmla="*/ 0 h 1219515"/>
                <a:gd name="connsiteX8" fmla="*/ 2235812 w 2235812"/>
                <a:gd name="connsiteY8" fmla="*/ 0 h 1219515"/>
                <a:gd name="connsiteX9" fmla="*/ 2216094 w 2235812"/>
                <a:gd name="connsiteY9" fmla="*/ 42485 h 1219515"/>
                <a:gd name="connsiteX10" fmla="*/ 1994765 w 2235812"/>
                <a:gd name="connsiteY10" fmla="*/ 342657 h 1219515"/>
                <a:gd name="connsiteX11" fmla="*/ 1117907 w 2235812"/>
                <a:gd name="connsiteY11" fmla="*/ 1219515 h 1219515"/>
                <a:gd name="connsiteX12" fmla="*/ 241048 w 2235812"/>
                <a:gd name="connsiteY12" fmla="*/ 342656 h 1219515"/>
                <a:gd name="connsiteX13" fmla="*/ 19718 w 2235812"/>
                <a:gd name="connsiteY13" fmla="*/ 42483 h 12195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2235812" h="1219515">
                  <a:moveTo>
                    <a:pt x="0" y="0"/>
                  </a:moveTo>
                  <a:lnTo>
                    <a:pt x="135994" y="0"/>
                  </a:lnTo>
                  <a:lnTo>
                    <a:pt x="183908" y="81083"/>
                  </a:lnTo>
                  <a:cubicBezTo>
                    <a:pt x="224849" y="143089"/>
                    <a:pt x="272612" y="201915"/>
                    <a:pt x="327199" y="256502"/>
                  </a:cubicBezTo>
                  <a:lnTo>
                    <a:pt x="1117908" y="1047211"/>
                  </a:lnTo>
                  <a:lnTo>
                    <a:pt x="1908614" y="256504"/>
                  </a:lnTo>
                  <a:cubicBezTo>
                    <a:pt x="1963201" y="201918"/>
                    <a:pt x="2010965" y="143091"/>
                    <a:pt x="2051905" y="81085"/>
                  </a:cubicBezTo>
                  <a:lnTo>
                    <a:pt x="2099821" y="0"/>
                  </a:lnTo>
                  <a:lnTo>
                    <a:pt x="2235812" y="0"/>
                  </a:lnTo>
                  <a:lnTo>
                    <a:pt x="2216094" y="42485"/>
                  </a:lnTo>
                  <a:cubicBezTo>
                    <a:pt x="2159343" y="150476"/>
                    <a:pt x="2085567" y="251855"/>
                    <a:pt x="1994765" y="342657"/>
                  </a:cubicBezTo>
                  <a:lnTo>
                    <a:pt x="1117907" y="1219515"/>
                  </a:lnTo>
                  <a:lnTo>
                    <a:pt x="241048" y="342656"/>
                  </a:lnTo>
                  <a:cubicBezTo>
                    <a:pt x="150246" y="251854"/>
                    <a:pt x="76469" y="150475"/>
                    <a:pt x="19718" y="42483"/>
                  </a:cubicBezTo>
                  <a:close/>
                </a:path>
              </a:pathLst>
            </a:custGeom>
            <a:solidFill>
              <a:schemeClr val="accent4"/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marL="0" marR="0" lvl="0" indent="0" algn="ctr" defTabSz="1219170" rtl="0" eaLnBrk="1" fontAlgn="auto" latinLnBrk="0" hangingPunct="1">
                <a:lnSpc>
                  <a:spcPct val="106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Wingdings 2" pitchFamily="18" charset="2"/>
                <a:buNone/>
                <a:tabLst/>
                <a:defRPr/>
              </a:pPr>
              <a:endParaRPr kumimoji="0" lang="fi-FI" sz="1600" b="1" i="0" u="none" strike="noStrike" kern="1200" cap="none" spc="0" normalizeH="0" baseline="0" noProof="0">
                <a:ln>
                  <a:noFill/>
                </a:ln>
                <a:solidFill>
                  <a:srgbClr val="046A38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23" name="Oval 22">
              <a:extLst>
                <a:ext uri="{FF2B5EF4-FFF2-40B4-BE49-F238E27FC236}">
                  <a16:creationId xmlns:a16="http://schemas.microsoft.com/office/drawing/2014/main" id="{79A5CD6E-AC20-4449-AC38-96E33B7E3D65}"/>
                </a:ext>
              </a:extLst>
            </p:cNvPr>
            <p:cNvSpPr/>
            <p:nvPr/>
          </p:nvSpPr>
          <p:spPr bwMode="gray">
            <a:xfrm>
              <a:off x="3862715" y="1758652"/>
              <a:ext cx="1119070" cy="1119071"/>
            </a:xfrm>
            <a:prstGeom prst="ellipse">
              <a:avLst/>
            </a:prstGeom>
            <a:solidFill>
              <a:schemeClr val="bg1"/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marL="0" marR="0" lvl="0" indent="0" algn="ctr" defTabSz="1219170" rtl="0" eaLnBrk="1" fontAlgn="auto" latinLnBrk="0" hangingPunct="1">
                <a:lnSpc>
                  <a:spcPct val="106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Wingdings 2" pitchFamily="18" charset="2"/>
                <a:buNone/>
                <a:tabLst/>
                <a:defRPr/>
              </a:pPr>
              <a:endParaRPr kumimoji="0" lang="fi-FI" sz="1600" b="1" i="0" u="none" strike="noStrike" kern="1200" cap="none" spc="0" normalizeH="0" baseline="0" noProof="0">
                <a:ln>
                  <a:noFill/>
                </a:ln>
                <a:solidFill>
                  <a:srgbClr val="046A38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</p:grpSp>
      <p:grpSp>
        <p:nvGrpSpPr>
          <p:cNvPr id="24" name="Group 23">
            <a:extLst>
              <a:ext uri="{FF2B5EF4-FFF2-40B4-BE49-F238E27FC236}">
                <a16:creationId xmlns:a16="http://schemas.microsoft.com/office/drawing/2014/main" id="{151ED2DA-8B32-41D3-9E31-0EF8F03A8547}"/>
              </a:ext>
            </a:extLst>
          </p:cNvPr>
          <p:cNvGrpSpPr>
            <a:grpSpLocks/>
          </p:cNvGrpSpPr>
          <p:nvPr/>
        </p:nvGrpSpPr>
        <p:grpSpPr>
          <a:xfrm>
            <a:off x="6496982" y="959680"/>
            <a:ext cx="1598523" cy="2005765"/>
            <a:chOff x="5190209" y="1602865"/>
            <a:chExt cx="1598523" cy="2005765"/>
          </a:xfrm>
        </p:grpSpPr>
        <p:sp>
          <p:nvSpPr>
            <p:cNvPr id="25" name="Teardrop 24">
              <a:extLst>
                <a:ext uri="{FF2B5EF4-FFF2-40B4-BE49-F238E27FC236}">
                  <a16:creationId xmlns:a16="http://schemas.microsoft.com/office/drawing/2014/main" id="{C760BEBF-9A27-4E32-9EE4-4EDE1D73707A}"/>
                </a:ext>
              </a:extLst>
            </p:cNvPr>
            <p:cNvSpPr/>
            <p:nvPr/>
          </p:nvSpPr>
          <p:spPr bwMode="gray">
            <a:xfrm rot="8100000">
              <a:off x="5237549" y="1602865"/>
              <a:ext cx="1503841" cy="1503844"/>
            </a:xfrm>
            <a:prstGeom prst="teardrop">
              <a:avLst/>
            </a:prstGeom>
            <a:solidFill>
              <a:schemeClr val="accent6"/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marL="0" marR="0" lvl="0" indent="0" algn="ctr" defTabSz="1219170" rtl="0" eaLnBrk="1" fontAlgn="auto" latinLnBrk="0" hangingPunct="1">
                <a:lnSpc>
                  <a:spcPct val="106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Wingdings 2" pitchFamily="18" charset="2"/>
                <a:buNone/>
                <a:tabLst/>
                <a:defRPr/>
              </a:pPr>
              <a:endParaRPr kumimoji="0" lang="fi-FI" sz="16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26" name="Freeform 31">
              <a:extLst>
                <a:ext uri="{FF2B5EF4-FFF2-40B4-BE49-F238E27FC236}">
                  <a16:creationId xmlns:a16="http://schemas.microsoft.com/office/drawing/2014/main" id="{BC1AF835-C276-4010-9CB8-AE7BD742F543}"/>
                </a:ext>
              </a:extLst>
            </p:cNvPr>
            <p:cNvSpPr/>
            <p:nvPr/>
          </p:nvSpPr>
          <p:spPr bwMode="gray">
            <a:xfrm>
              <a:off x="5190209" y="2736722"/>
              <a:ext cx="1598523" cy="871908"/>
            </a:xfrm>
            <a:custGeom>
              <a:avLst/>
              <a:gdLst>
                <a:gd name="connsiteX0" fmla="*/ 0 w 2235812"/>
                <a:gd name="connsiteY0" fmla="*/ 0 h 1219515"/>
                <a:gd name="connsiteX1" fmla="*/ 135994 w 2235812"/>
                <a:gd name="connsiteY1" fmla="*/ 0 h 1219515"/>
                <a:gd name="connsiteX2" fmla="*/ 183908 w 2235812"/>
                <a:gd name="connsiteY2" fmla="*/ 81083 h 1219515"/>
                <a:gd name="connsiteX3" fmla="*/ 327199 w 2235812"/>
                <a:gd name="connsiteY3" fmla="*/ 256502 h 1219515"/>
                <a:gd name="connsiteX4" fmla="*/ 1117908 w 2235812"/>
                <a:gd name="connsiteY4" fmla="*/ 1047211 h 1219515"/>
                <a:gd name="connsiteX5" fmla="*/ 1908614 w 2235812"/>
                <a:gd name="connsiteY5" fmla="*/ 256504 h 1219515"/>
                <a:gd name="connsiteX6" fmla="*/ 2051905 w 2235812"/>
                <a:gd name="connsiteY6" fmla="*/ 81085 h 1219515"/>
                <a:gd name="connsiteX7" fmla="*/ 2099821 w 2235812"/>
                <a:gd name="connsiteY7" fmla="*/ 0 h 1219515"/>
                <a:gd name="connsiteX8" fmla="*/ 2235812 w 2235812"/>
                <a:gd name="connsiteY8" fmla="*/ 0 h 1219515"/>
                <a:gd name="connsiteX9" fmla="*/ 2216094 w 2235812"/>
                <a:gd name="connsiteY9" fmla="*/ 42485 h 1219515"/>
                <a:gd name="connsiteX10" fmla="*/ 1994765 w 2235812"/>
                <a:gd name="connsiteY10" fmla="*/ 342657 h 1219515"/>
                <a:gd name="connsiteX11" fmla="*/ 1117907 w 2235812"/>
                <a:gd name="connsiteY11" fmla="*/ 1219515 h 1219515"/>
                <a:gd name="connsiteX12" fmla="*/ 241048 w 2235812"/>
                <a:gd name="connsiteY12" fmla="*/ 342656 h 1219515"/>
                <a:gd name="connsiteX13" fmla="*/ 19718 w 2235812"/>
                <a:gd name="connsiteY13" fmla="*/ 42483 h 12195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2235812" h="1219515">
                  <a:moveTo>
                    <a:pt x="0" y="0"/>
                  </a:moveTo>
                  <a:lnTo>
                    <a:pt x="135994" y="0"/>
                  </a:lnTo>
                  <a:lnTo>
                    <a:pt x="183908" y="81083"/>
                  </a:lnTo>
                  <a:cubicBezTo>
                    <a:pt x="224849" y="143089"/>
                    <a:pt x="272612" y="201915"/>
                    <a:pt x="327199" y="256502"/>
                  </a:cubicBezTo>
                  <a:lnTo>
                    <a:pt x="1117908" y="1047211"/>
                  </a:lnTo>
                  <a:lnTo>
                    <a:pt x="1908614" y="256504"/>
                  </a:lnTo>
                  <a:cubicBezTo>
                    <a:pt x="1963201" y="201918"/>
                    <a:pt x="2010965" y="143091"/>
                    <a:pt x="2051905" y="81085"/>
                  </a:cubicBezTo>
                  <a:lnTo>
                    <a:pt x="2099821" y="0"/>
                  </a:lnTo>
                  <a:lnTo>
                    <a:pt x="2235812" y="0"/>
                  </a:lnTo>
                  <a:lnTo>
                    <a:pt x="2216094" y="42485"/>
                  </a:lnTo>
                  <a:cubicBezTo>
                    <a:pt x="2159343" y="150476"/>
                    <a:pt x="2085567" y="251855"/>
                    <a:pt x="1994765" y="342657"/>
                  </a:cubicBezTo>
                  <a:lnTo>
                    <a:pt x="1117907" y="1219515"/>
                  </a:lnTo>
                  <a:lnTo>
                    <a:pt x="241048" y="342656"/>
                  </a:lnTo>
                  <a:cubicBezTo>
                    <a:pt x="150246" y="251854"/>
                    <a:pt x="76469" y="150475"/>
                    <a:pt x="19718" y="42483"/>
                  </a:cubicBezTo>
                  <a:close/>
                </a:path>
              </a:pathLst>
            </a:custGeom>
            <a:solidFill>
              <a:schemeClr val="accent6"/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marL="0" marR="0" lvl="0" indent="0" algn="ctr" defTabSz="1219170" rtl="0" eaLnBrk="1" fontAlgn="auto" latinLnBrk="0" hangingPunct="1">
                <a:lnSpc>
                  <a:spcPct val="106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Wingdings 2" pitchFamily="18" charset="2"/>
                <a:buNone/>
                <a:tabLst/>
                <a:defRPr/>
              </a:pPr>
              <a:endParaRPr kumimoji="0" lang="fi-FI" sz="16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27" name="Oval 26">
              <a:extLst>
                <a:ext uri="{FF2B5EF4-FFF2-40B4-BE49-F238E27FC236}">
                  <a16:creationId xmlns:a16="http://schemas.microsoft.com/office/drawing/2014/main" id="{C68022C5-BE5A-4289-988F-76C9182402D0}"/>
                </a:ext>
              </a:extLst>
            </p:cNvPr>
            <p:cNvSpPr/>
            <p:nvPr/>
          </p:nvSpPr>
          <p:spPr bwMode="gray">
            <a:xfrm>
              <a:off x="5429936" y="1758652"/>
              <a:ext cx="1119070" cy="1119071"/>
            </a:xfrm>
            <a:prstGeom prst="ellipse">
              <a:avLst/>
            </a:prstGeom>
            <a:solidFill>
              <a:schemeClr val="bg1"/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marL="0" marR="0" lvl="0" indent="0" algn="ctr" defTabSz="1219170" rtl="0" eaLnBrk="1" fontAlgn="auto" latinLnBrk="0" hangingPunct="1">
                <a:lnSpc>
                  <a:spcPct val="106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Wingdings 2" pitchFamily="18" charset="2"/>
                <a:buNone/>
                <a:tabLst/>
                <a:defRPr/>
              </a:pPr>
              <a:endParaRPr kumimoji="0" lang="fi-FI" sz="16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</p:grpSp>
      <p:grpSp>
        <p:nvGrpSpPr>
          <p:cNvPr id="28" name="Group 27">
            <a:extLst>
              <a:ext uri="{FF2B5EF4-FFF2-40B4-BE49-F238E27FC236}">
                <a16:creationId xmlns:a16="http://schemas.microsoft.com/office/drawing/2014/main" id="{5206C4B5-0129-47A3-9CBF-3157A2E1B752}"/>
              </a:ext>
            </a:extLst>
          </p:cNvPr>
          <p:cNvGrpSpPr>
            <a:grpSpLocks/>
          </p:cNvGrpSpPr>
          <p:nvPr/>
        </p:nvGrpSpPr>
        <p:grpSpPr>
          <a:xfrm>
            <a:off x="8850782" y="959680"/>
            <a:ext cx="1598523" cy="2005765"/>
            <a:chOff x="6763077" y="1602865"/>
            <a:chExt cx="1598523" cy="2005765"/>
          </a:xfrm>
        </p:grpSpPr>
        <p:sp>
          <p:nvSpPr>
            <p:cNvPr id="29" name="Teardrop 28">
              <a:extLst>
                <a:ext uri="{FF2B5EF4-FFF2-40B4-BE49-F238E27FC236}">
                  <a16:creationId xmlns:a16="http://schemas.microsoft.com/office/drawing/2014/main" id="{AB74DA41-E982-456C-9B80-9F9EF2494264}"/>
                </a:ext>
              </a:extLst>
            </p:cNvPr>
            <p:cNvSpPr/>
            <p:nvPr/>
          </p:nvSpPr>
          <p:spPr bwMode="gray">
            <a:xfrm rot="8100000">
              <a:off x="6810418" y="1602865"/>
              <a:ext cx="1503841" cy="1503844"/>
            </a:xfrm>
            <a:prstGeom prst="teardrop">
              <a:avLst/>
            </a:prstGeom>
            <a:solidFill>
              <a:schemeClr val="accent1"/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marL="0" marR="0" lvl="0" indent="0" algn="ctr" defTabSz="1219170" rtl="0" eaLnBrk="1" fontAlgn="auto" latinLnBrk="0" hangingPunct="1">
                <a:lnSpc>
                  <a:spcPct val="106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Wingdings 2" pitchFamily="18" charset="2"/>
                <a:buNone/>
                <a:tabLst/>
                <a:defRPr/>
              </a:pPr>
              <a:endParaRPr kumimoji="0" lang="fi-FI" sz="16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30" name="Freeform 35">
              <a:extLst>
                <a:ext uri="{FF2B5EF4-FFF2-40B4-BE49-F238E27FC236}">
                  <a16:creationId xmlns:a16="http://schemas.microsoft.com/office/drawing/2014/main" id="{E619F645-693E-40E2-8553-B5C9F86291D3}"/>
                </a:ext>
              </a:extLst>
            </p:cNvPr>
            <p:cNvSpPr/>
            <p:nvPr/>
          </p:nvSpPr>
          <p:spPr bwMode="gray">
            <a:xfrm>
              <a:off x="6763077" y="2736722"/>
              <a:ext cx="1598523" cy="871908"/>
            </a:xfrm>
            <a:custGeom>
              <a:avLst/>
              <a:gdLst>
                <a:gd name="connsiteX0" fmla="*/ 0 w 2235812"/>
                <a:gd name="connsiteY0" fmla="*/ 0 h 1219515"/>
                <a:gd name="connsiteX1" fmla="*/ 135994 w 2235812"/>
                <a:gd name="connsiteY1" fmla="*/ 0 h 1219515"/>
                <a:gd name="connsiteX2" fmla="*/ 183908 w 2235812"/>
                <a:gd name="connsiteY2" fmla="*/ 81083 h 1219515"/>
                <a:gd name="connsiteX3" fmla="*/ 327199 w 2235812"/>
                <a:gd name="connsiteY3" fmla="*/ 256502 h 1219515"/>
                <a:gd name="connsiteX4" fmla="*/ 1117908 w 2235812"/>
                <a:gd name="connsiteY4" fmla="*/ 1047211 h 1219515"/>
                <a:gd name="connsiteX5" fmla="*/ 1908614 w 2235812"/>
                <a:gd name="connsiteY5" fmla="*/ 256504 h 1219515"/>
                <a:gd name="connsiteX6" fmla="*/ 2051905 w 2235812"/>
                <a:gd name="connsiteY6" fmla="*/ 81085 h 1219515"/>
                <a:gd name="connsiteX7" fmla="*/ 2099821 w 2235812"/>
                <a:gd name="connsiteY7" fmla="*/ 0 h 1219515"/>
                <a:gd name="connsiteX8" fmla="*/ 2235812 w 2235812"/>
                <a:gd name="connsiteY8" fmla="*/ 0 h 1219515"/>
                <a:gd name="connsiteX9" fmla="*/ 2216094 w 2235812"/>
                <a:gd name="connsiteY9" fmla="*/ 42485 h 1219515"/>
                <a:gd name="connsiteX10" fmla="*/ 1994765 w 2235812"/>
                <a:gd name="connsiteY10" fmla="*/ 342657 h 1219515"/>
                <a:gd name="connsiteX11" fmla="*/ 1117907 w 2235812"/>
                <a:gd name="connsiteY11" fmla="*/ 1219515 h 1219515"/>
                <a:gd name="connsiteX12" fmla="*/ 241048 w 2235812"/>
                <a:gd name="connsiteY12" fmla="*/ 342656 h 1219515"/>
                <a:gd name="connsiteX13" fmla="*/ 19718 w 2235812"/>
                <a:gd name="connsiteY13" fmla="*/ 42483 h 12195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2235812" h="1219515">
                  <a:moveTo>
                    <a:pt x="0" y="0"/>
                  </a:moveTo>
                  <a:lnTo>
                    <a:pt x="135994" y="0"/>
                  </a:lnTo>
                  <a:lnTo>
                    <a:pt x="183908" y="81083"/>
                  </a:lnTo>
                  <a:cubicBezTo>
                    <a:pt x="224849" y="143089"/>
                    <a:pt x="272612" y="201915"/>
                    <a:pt x="327199" y="256502"/>
                  </a:cubicBezTo>
                  <a:lnTo>
                    <a:pt x="1117908" y="1047211"/>
                  </a:lnTo>
                  <a:lnTo>
                    <a:pt x="1908614" y="256504"/>
                  </a:lnTo>
                  <a:cubicBezTo>
                    <a:pt x="1963201" y="201918"/>
                    <a:pt x="2010965" y="143091"/>
                    <a:pt x="2051905" y="81085"/>
                  </a:cubicBezTo>
                  <a:lnTo>
                    <a:pt x="2099821" y="0"/>
                  </a:lnTo>
                  <a:lnTo>
                    <a:pt x="2235812" y="0"/>
                  </a:lnTo>
                  <a:lnTo>
                    <a:pt x="2216094" y="42485"/>
                  </a:lnTo>
                  <a:cubicBezTo>
                    <a:pt x="2159343" y="150476"/>
                    <a:pt x="2085567" y="251855"/>
                    <a:pt x="1994765" y="342657"/>
                  </a:cubicBezTo>
                  <a:lnTo>
                    <a:pt x="1117907" y="1219515"/>
                  </a:lnTo>
                  <a:lnTo>
                    <a:pt x="241048" y="342656"/>
                  </a:lnTo>
                  <a:cubicBezTo>
                    <a:pt x="150246" y="251854"/>
                    <a:pt x="76469" y="150475"/>
                    <a:pt x="19718" y="42483"/>
                  </a:cubicBezTo>
                  <a:close/>
                </a:path>
              </a:pathLst>
            </a:custGeom>
            <a:solidFill>
              <a:schemeClr val="accent1"/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marL="0" marR="0" lvl="0" indent="0" algn="ctr" defTabSz="1219170" rtl="0" eaLnBrk="1" fontAlgn="auto" latinLnBrk="0" hangingPunct="1">
                <a:lnSpc>
                  <a:spcPct val="106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Wingdings 2" pitchFamily="18" charset="2"/>
                <a:buNone/>
                <a:tabLst/>
                <a:defRPr/>
              </a:pPr>
              <a:endParaRPr kumimoji="0" lang="fi-FI" sz="16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  <p:sp>
          <p:nvSpPr>
            <p:cNvPr id="31" name="Oval 30">
              <a:extLst>
                <a:ext uri="{FF2B5EF4-FFF2-40B4-BE49-F238E27FC236}">
                  <a16:creationId xmlns:a16="http://schemas.microsoft.com/office/drawing/2014/main" id="{F24B27B3-7FE0-4D93-925D-002216206892}"/>
                </a:ext>
              </a:extLst>
            </p:cNvPr>
            <p:cNvSpPr/>
            <p:nvPr/>
          </p:nvSpPr>
          <p:spPr bwMode="gray">
            <a:xfrm>
              <a:off x="7007153" y="1758652"/>
              <a:ext cx="1119070" cy="1119071"/>
            </a:xfrm>
            <a:prstGeom prst="ellipse">
              <a:avLst/>
            </a:prstGeom>
            <a:solidFill>
              <a:schemeClr val="bg1"/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marL="0" marR="0" lvl="0" indent="0" algn="ctr" defTabSz="1219170" rtl="0" eaLnBrk="1" fontAlgn="auto" latinLnBrk="0" hangingPunct="1">
                <a:lnSpc>
                  <a:spcPct val="106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Wingdings 2" pitchFamily="18" charset="2"/>
                <a:buNone/>
                <a:tabLst/>
                <a:defRPr/>
              </a:pPr>
              <a:endParaRPr kumimoji="0" lang="fi-FI" sz="16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Verdana"/>
                <a:ea typeface="+mn-ea"/>
                <a:cs typeface="+mn-cs"/>
              </a:endParaRPr>
            </a:p>
          </p:txBody>
        </p:sp>
      </p:grpSp>
      <p:sp>
        <p:nvSpPr>
          <p:cNvPr id="32" name="Rectangle 31">
            <a:extLst>
              <a:ext uri="{FF2B5EF4-FFF2-40B4-BE49-F238E27FC236}">
                <a16:creationId xmlns:a16="http://schemas.microsoft.com/office/drawing/2014/main" id="{313C9CCD-0DE6-4134-BC27-316FE673E628}"/>
              </a:ext>
            </a:extLst>
          </p:cNvPr>
          <p:cNvSpPr>
            <a:spLocks/>
          </p:cNvSpPr>
          <p:nvPr/>
        </p:nvSpPr>
        <p:spPr bwMode="gray">
          <a:xfrm>
            <a:off x="90349" y="2090450"/>
            <a:ext cx="1896856" cy="74495"/>
          </a:xfrm>
          <a:prstGeom prst="rect">
            <a:avLst/>
          </a:prstGeom>
          <a:solidFill>
            <a:schemeClr val="accent5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1219170" rtl="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fi-FI" sz="1600" b="1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10AF3561-2295-4BD6-8542-024F62443BF8}"/>
              </a:ext>
            </a:extLst>
          </p:cNvPr>
          <p:cNvSpPr>
            <a:spLocks/>
          </p:cNvSpPr>
          <p:nvPr/>
        </p:nvSpPr>
        <p:spPr bwMode="gray">
          <a:xfrm>
            <a:off x="5817241" y="2092154"/>
            <a:ext cx="747424" cy="77889"/>
          </a:xfrm>
          <a:prstGeom prst="rect">
            <a:avLst/>
          </a:prstGeom>
          <a:gradFill>
            <a:gsLst>
              <a:gs pos="23000">
                <a:schemeClr val="accent4"/>
              </a:gs>
              <a:gs pos="83000">
                <a:schemeClr val="accent6"/>
              </a:gs>
            </a:gsLst>
            <a:lin ang="0" scaled="0"/>
          </a:gra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1219170" rtl="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fi-FI" sz="1600" b="1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849AE5C9-6494-4E3B-ADD0-774E4B5725CA}"/>
              </a:ext>
            </a:extLst>
          </p:cNvPr>
          <p:cNvSpPr>
            <a:spLocks/>
          </p:cNvSpPr>
          <p:nvPr/>
        </p:nvSpPr>
        <p:spPr bwMode="gray">
          <a:xfrm>
            <a:off x="8013902" y="2092154"/>
            <a:ext cx="897420" cy="77889"/>
          </a:xfrm>
          <a:prstGeom prst="rect">
            <a:avLst/>
          </a:prstGeom>
          <a:gradFill>
            <a:gsLst>
              <a:gs pos="17000">
                <a:schemeClr val="accent6"/>
              </a:gs>
              <a:gs pos="83000">
                <a:schemeClr val="accent1"/>
              </a:gs>
            </a:gsLst>
            <a:lin ang="0" scaled="0"/>
          </a:gra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1219170" rtl="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fi-FI" sz="1600" b="1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  <p:pic>
        <p:nvPicPr>
          <p:cNvPr id="35" name="Graphic 34" descr="Gavel with solid fill">
            <a:extLst>
              <a:ext uri="{FF2B5EF4-FFF2-40B4-BE49-F238E27FC236}">
                <a16:creationId xmlns:a16="http://schemas.microsoft.com/office/drawing/2014/main" id="{79398A0F-7DF6-4D4B-ABE2-012434DD6D9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277245" y="1255884"/>
            <a:ext cx="726329" cy="726329"/>
          </a:xfrm>
          <a:prstGeom prst="rect">
            <a:avLst/>
          </a:prstGeom>
        </p:spPr>
      </p:pic>
      <p:pic>
        <p:nvPicPr>
          <p:cNvPr id="36" name="Graphic 35" descr="Workflow with solid fill">
            <a:extLst>
              <a:ext uri="{FF2B5EF4-FFF2-40B4-BE49-F238E27FC236}">
                <a16:creationId xmlns:a16="http://schemas.microsoft.com/office/drawing/2014/main" id="{EAADD74E-3926-4389-8CD2-50DB531DE59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2383624" y="1307467"/>
            <a:ext cx="750668" cy="750668"/>
          </a:xfrm>
          <a:prstGeom prst="rect">
            <a:avLst/>
          </a:prstGeom>
        </p:spPr>
      </p:pic>
      <p:pic>
        <p:nvPicPr>
          <p:cNvPr id="37" name="Graphic 36" descr="Boardroom with solid fill">
            <a:extLst>
              <a:ext uri="{FF2B5EF4-FFF2-40B4-BE49-F238E27FC236}">
                <a16:creationId xmlns:a16="http://schemas.microsoft.com/office/drawing/2014/main" id="{CA85FFA3-D337-492A-B03C-410A34D1F415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839042" y="1161848"/>
            <a:ext cx="914400" cy="914400"/>
          </a:xfrm>
          <a:prstGeom prst="rect">
            <a:avLst/>
          </a:prstGeom>
        </p:spPr>
      </p:pic>
      <p:pic>
        <p:nvPicPr>
          <p:cNvPr id="38" name="Graphic 37" descr="Clipboard with solid fill">
            <a:extLst>
              <a:ext uri="{FF2B5EF4-FFF2-40B4-BE49-F238E27FC236}">
                <a16:creationId xmlns:a16="http://schemas.microsoft.com/office/drawing/2014/main" id="{B1FFF6CD-0091-40A5-93FE-34F83B89E525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4686392" y="1250463"/>
            <a:ext cx="807672" cy="807672"/>
          </a:xfrm>
          <a:prstGeom prst="rect">
            <a:avLst/>
          </a:prstGeom>
        </p:spPr>
      </p:pic>
      <p:sp>
        <p:nvSpPr>
          <p:cNvPr id="40" name="Text Placeholder 3">
            <a:extLst>
              <a:ext uri="{FF2B5EF4-FFF2-40B4-BE49-F238E27FC236}">
                <a16:creationId xmlns:a16="http://schemas.microsoft.com/office/drawing/2014/main" id="{D764EBE6-1C12-438A-AF6E-5255403ED0E3}"/>
              </a:ext>
            </a:extLst>
          </p:cNvPr>
          <p:cNvSpPr txBox="1">
            <a:spLocks/>
          </p:cNvSpPr>
          <p:nvPr/>
        </p:nvSpPr>
        <p:spPr bwMode="gray">
          <a:xfrm>
            <a:off x="9065759" y="2525362"/>
            <a:ext cx="2764255" cy="1700526"/>
          </a:xfrm>
          <a:prstGeom prst="rect">
            <a:avLst/>
          </a:prstGeom>
          <a:ln>
            <a:noFill/>
          </a:ln>
        </p:spPr>
        <p:txBody>
          <a:bodyPr vert="horz" wrap="square" lIns="0" tIns="1044000" rIns="0" bIns="0" rtlCol="0" anchor="t">
            <a:spAutoFit/>
          </a:bodyPr>
          <a:lstStyle>
            <a:defPPr>
              <a:defRPr lang="en-US"/>
            </a:defPPr>
            <a:lvl2pPr marL="0" lvl="1">
              <a:spcBef>
                <a:spcPts val="1200"/>
              </a:spcBef>
              <a:buSzPct val="100000"/>
              <a:defRPr sz="1200" b="1">
                <a:solidFill>
                  <a:schemeClr val="accent1"/>
                </a:solidFill>
              </a:defRPr>
            </a:lvl2pPr>
          </a:lstStyle>
          <a:p>
            <a:pPr marL="0" marR="0" lvl="1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/>
            </a:pPr>
            <a:endParaRPr kumimoji="0" lang="fi-FI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Poppins ExtraLight"/>
              <a:ea typeface="+mn-ea"/>
              <a:cs typeface="+mn-cs"/>
            </a:endParaRPr>
          </a:p>
          <a:p>
            <a:pPr marL="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/>
            </a:pPr>
            <a:r>
              <a:rPr kumimoji="0" lang="fi-FI" sz="1400" b="1" i="0" u="sng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Aluevaltuusto</a:t>
            </a:r>
            <a:r>
              <a:rPr kumimoji="0" lang="fi-FI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 </a:t>
            </a:r>
            <a:r>
              <a:rPr kumimoji="0" lang="fi-FI" sz="140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hyväksyy hyvinvointialuestrategian</a:t>
            </a:r>
          </a:p>
        </p:txBody>
      </p:sp>
      <p:sp>
        <p:nvSpPr>
          <p:cNvPr id="41" name="Date Placeholder 1">
            <a:extLst>
              <a:ext uri="{FF2B5EF4-FFF2-40B4-BE49-F238E27FC236}">
                <a16:creationId xmlns:a16="http://schemas.microsoft.com/office/drawing/2014/main" id="{D50B6A2E-7AF9-4FDC-A527-45618C84868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983495" y="6257748"/>
            <a:ext cx="1074804" cy="365125"/>
          </a:xfrm>
        </p:spPr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4052BFA-D1B1-4F10-9C2D-643307B963F0}" type="datetime1">
              <a:rPr kumimoji="0" lang="fi-FI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SemiBold" panose="00000700000000000000" pitchFamily="2" charset="0"/>
                <a:ea typeface="+mn-ea"/>
              </a:rPr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.3.2022</a:t>
            </a:fld>
            <a:endParaRPr kumimoji="0" lang="fi-FI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Poppins SemiBold" panose="00000700000000000000" pitchFamily="2" charset="0"/>
              <a:ea typeface="+mn-ea"/>
            </a:endParaRPr>
          </a:p>
        </p:txBody>
      </p:sp>
      <p:sp>
        <p:nvSpPr>
          <p:cNvPr id="43" name="Arrow: Right 29">
            <a:extLst>
              <a:ext uri="{FF2B5EF4-FFF2-40B4-BE49-F238E27FC236}">
                <a16:creationId xmlns:a16="http://schemas.microsoft.com/office/drawing/2014/main" id="{713C5DF4-3FBC-4E8B-94A7-75D145D12F2D}"/>
              </a:ext>
            </a:extLst>
          </p:cNvPr>
          <p:cNvSpPr/>
          <p:nvPr/>
        </p:nvSpPr>
        <p:spPr>
          <a:xfrm>
            <a:off x="184935" y="3100696"/>
            <a:ext cx="11694106" cy="751699"/>
          </a:xfrm>
          <a:prstGeom prst="rightArrow">
            <a:avLst/>
          </a:prstGeom>
          <a:solidFill>
            <a:srgbClr val="00B0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Poppins ExtraLight"/>
              <a:ea typeface="+mn-ea"/>
              <a:cs typeface="+mn-cs"/>
            </a:endParaRPr>
          </a:p>
        </p:txBody>
      </p:sp>
      <p:sp>
        <p:nvSpPr>
          <p:cNvPr id="44" name="TextBox 109">
            <a:extLst>
              <a:ext uri="{FF2B5EF4-FFF2-40B4-BE49-F238E27FC236}">
                <a16:creationId xmlns:a16="http://schemas.microsoft.com/office/drawing/2014/main" id="{89AEF6DF-3C46-4C98-8E58-D644F228CC9D}"/>
              </a:ext>
            </a:extLst>
          </p:cNvPr>
          <p:cNvSpPr txBox="1"/>
          <p:nvPr/>
        </p:nvSpPr>
        <p:spPr>
          <a:xfrm>
            <a:off x="1677346" y="3295846"/>
            <a:ext cx="4198747" cy="338554"/>
          </a:xfrm>
          <a:prstGeom prst="rect">
            <a:avLst/>
          </a:prstGeom>
          <a:solidFill>
            <a:srgbClr val="00B0F0"/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i-FI" sz="1600" b="1" i="1" u="none" strike="noStrike" kern="1200" cap="none" spc="600" normalizeH="0" baseline="0" noProof="0" dirty="0" err="1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Maalis</a:t>
            </a:r>
            <a:r>
              <a:rPr kumimoji="0" lang="fi-FI" sz="1600" b="1" i="1" u="none" strike="noStrike" kern="1200" cap="none" spc="60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 - Huhti</a:t>
            </a:r>
            <a:r>
              <a:rPr kumimoji="0" lang="fi-FI" sz="1600" b="1" i="1" u="none" strike="noStrike" kern="1200" cap="none" spc="60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kuu</a:t>
            </a:r>
          </a:p>
        </p:txBody>
      </p:sp>
      <p:sp>
        <p:nvSpPr>
          <p:cNvPr id="47" name="TextBox 112">
            <a:extLst>
              <a:ext uri="{FF2B5EF4-FFF2-40B4-BE49-F238E27FC236}">
                <a16:creationId xmlns:a16="http://schemas.microsoft.com/office/drawing/2014/main" id="{3AEDE4CF-35B2-4741-B83B-0FDC5A55953E}"/>
              </a:ext>
            </a:extLst>
          </p:cNvPr>
          <p:cNvSpPr txBox="1"/>
          <p:nvPr/>
        </p:nvSpPr>
        <p:spPr>
          <a:xfrm>
            <a:off x="7732039" y="3313280"/>
            <a:ext cx="805862" cy="338554"/>
          </a:xfrm>
          <a:prstGeom prst="rect">
            <a:avLst/>
          </a:prstGeom>
          <a:solidFill>
            <a:srgbClr val="00B0F0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i-FI" sz="1600" b="1" i="1" u="none" strike="noStrike" kern="1200" cap="none" spc="30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Syys-</a:t>
            </a:r>
          </a:p>
        </p:txBody>
      </p:sp>
      <p:sp>
        <p:nvSpPr>
          <p:cNvPr id="49" name="TextBox 114">
            <a:extLst>
              <a:ext uri="{FF2B5EF4-FFF2-40B4-BE49-F238E27FC236}">
                <a16:creationId xmlns:a16="http://schemas.microsoft.com/office/drawing/2014/main" id="{DA877981-2525-4A1B-9EE6-91B7774C1041}"/>
              </a:ext>
            </a:extLst>
          </p:cNvPr>
          <p:cNvSpPr txBox="1"/>
          <p:nvPr/>
        </p:nvSpPr>
        <p:spPr>
          <a:xfrm>
            <a:off x="6044520" y="3295350"/>
            <a:ext cx="691783" cy="338554"/>
          </a:xfrm>
          <a:prstGeom prst="rect">
            <a:avLst/>
          </a:prstGeom>
          <a:solidFill>
            <a:srgbClr val="00B0F0"/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i-FI" sz="1600" b="1" i="1" u="none" strike="noStrike" kern="1200" cap="none" spc="30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Elo-</a:t>
            </a:r>
          </a:p>
        </p:txBody>
      </p:sp>
      <p:sp>
        <p:nvSpPr>
          <p:cNvPr id="50" name="TextBox 116">
            <a:extLst>
              <a:ext uri="{FF2B5EF4-FFF2-40B4-BE49-F238E27FC236}">
                <a16:creationId xmlns:a16="http://schemas.microsoft.com/office/drawing/2014/main" id="{72E444D0-C690-489D-98BE-5FA334347DCE}"/>
              </a:ext>
            </a:extLst>
          </p:cNvPr>
          <p:cNvSpPr txBox="1"/>
          <p:nvPr/>
        </p:nvSpPr>
        <p:spPr>
          <a:xfrm>
            <a:off x="9005783" y="3313281"/>
            <a:ext cx="836576" cy="338554"/>
          </a:xfrm>
          <a:prstGeom prst="rect">
            <a:avLst/>
          </a:prstGeom>
          <a:solidFill>
            <a:srgbClr val="00B0F0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i-FI" sz="1600" b="1" i="1" u="none" strike="noStrike" kern="1200" cap="none" spc="30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Loka-</a:t>
            </a:r>
          </a:p>
        </p:txBody>
      </p:sp>
      <p:sp>
        <p:nvSpPr>
          <p:cNvPr id="51" name="TextBox 117">
            <a:extLst>
              <a:ext uri="{FF2B5EF4-FFF2-40B4-BE49-F238E27FC236}">
                <a16:creationId xmlns:a16="http://schemas.microsoft.com/office/drawing/2014/main" id="{28A38C5E-5145-4BE7-90C7-F38504396298}"/>
              </a:ext>
            </a:extLst>
          </p:cNvPr>
          <p:cNvSpPr txBox="1"/>
          <p:nvPr/>
        </p:nvSpPr>
        <p:spPr>
          <a:xfrm>
            <a:off x="10107375" y="3331430"/>
            <a:ext cx="1248932" cy="338554"/>
          </a:xfrm>
          <a:prstGeom prst="rect">
            <a:avLst/>
          </a:prstGeom>
          <a:solidFill>
            <a:srgbClr val="00B0F0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i-FI" sz="1600" b="1" i="1" spc="300" dirty="0">
                <a:solidFill>
                  <a:schemeClr val="bg1"/>
                </a:solidFill>
                <a:latin typeface="Poppins ExtraLight"/>
              </a:rPr>
              <a:t>Joulu</a:t>
            </a:r>
            <a:r>
              <a:rPr kumimoji="0" lang="fi-FI" sz="1600" b="1" i="1" u="none" strike="noStrike" kern="1200" cap="none" spc="30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kuu</a:t>
            </a:r>
          </a:p>
        </p:txBody>
      </p:sp>
      <p:sp>
        <p:nvSpPr>
          <p:cNvPr id="65" name="TextBox 89">
            <a:extLst>
              <a:ext uri="{FF2B5EF4-FFF2-40B4-BE49-F238E27FC236}">
                <a16:creationId xmlns:a16="http://schemas.microsoft.com/office/drawing/2014/main" id="{C01C9CAD-7A64-4F1D-B92F-A166EE7D27A3}"/>
              </a:ext>
            </a:extLst>
          </p:cNvPr>
          <p:cNvSpPr txBox="1"/>
          <p:nvPr/>
        </p:nvSpPr>
        <p:spPr>
          <a:xfrm>
            <a:off x="2733527" y="3727399"/>
            <a:ext cx="2486579" cy="73866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457200" algn="l"/>
              </a:tabLst>
              <a:defRPr/>
            </a:pPr>
            <a:r>
              <a:rPr kumimoji="0" lang="fi-FI" sz="1400" b="1" i="0" u="sng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Times New Roman" panose="02020603050405020304" pitchFamily="18" charset="0"/>
                <a:cs typeface="Times New Roman" panose="02020603050405020304" pitchFamily="18" charset="0"/>
              </a:rPr>
              <a:t>Aluevaltuutetut</a:t>
            </a:r>
            <a:br>
              <a:rPr kumimoji="0" lang="fi-FI" sz="1400" b="1" i="0" u="sng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endParaRPr kumimoji="0" lang="fi-FI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Poppins ExtraLigh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457200" algn="l"/>
              </a:tabLst>
              <a:defRPr/>
            </a:pPr>
            <a:endParaRPr kumimoji="0" lang="fi-FI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Poppins ExtraLight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67" name="TextBox 93">
            <a:extLst>
              <a:ext uri="{FF2B5EF4-FFF2-40B4-BE49-F238E27FC236}">
                <a16:creationId xmlns:a16="http://schemas.microsoft.com/office/drawing/2014/main" id="{5F0DE183-FD3C-44D9-A00D-CE1A6B6ECAFF}"/>
              </a:ext>
            </a:extLst>
          </p:cNvPr>
          <p:cNvSpPr txBox="1"/>
          <p:nvPr/>
        </p:nvSpPr>
        <p:spPr>
          <a:xfrm>
            <a:off x="2725263" y="4025877"/>
            <a:ext cx="2736684" cy="181588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914400" algn="l"/>
              </a:tabLst>
              <a:defRPr/>
            </a:pPr>
            <a:r>
              <a:rPr kumimoji="0" lang="fi-FI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Missio- ja strategiaehdotusten valmistelu</a:t>
            </a:r>
            <a:endParaRPr kumimoji="0" lang="fi-FI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Poppins ExtraLight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>
                <a:tab pos="914400" algn="l"/>
              </a:tabLst>
              <a:defRPr/>
            </a:pPr>
            <a:r>
              <a:rPr kumimoji="0" lang="fi-FI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Times New Roman" panose="02020603050405020304" pitchFamily="18" charset="0"/>
                <a:cs typeface="Times New Roman" panose="02020603050405020304" pitchFamily="18" charset="0"/>
              </a:rPr>
              <a:t>Virtuaalinen aivoriihi 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>
                <a:tab pos="914400" algn="l"/>
              </a:tabLst>
              <a:defRPr/>
            </a:pPr>
            <a:r>
              <a:rPr kumimoji="0" lang="fi-FI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Times New Roman" panose="02020603050405020304" pitchFamily="18" charset="0"/>
                <a:cs typeface="Times New Roman" panose="02020603050405020304" pitchFamily="18" charset="0"/>
              </a:rPr>
              <a:t>Aluevaltuuston työpaja (verkko)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>
                <a:tab pos="914400" algn="l"/>
              </a:tabLst>
              <a:defRPr/>
            </a:pPr>
            <a:r>
              <a:rPr kumimoji="0" lang="fi-FI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Valtuustoryhmien edustajien haastattelut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>
                <a:tab pos="914400" algn="l"/>
              </a:tabLst>
              <a:defRPr/>
            </a:pPr>
            <a:endParaRPr kumimoji="0" lang="fi-FI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Poppins ExtraLight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>
                <a:tab pos="914400" algn="l"/>
              </a:tabLst>
              <a:defRPr/>
            </a:pPr>
            <a:endParaRPr kumimoji="0" lang="fi-FI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Poppins ExtraLight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69" name="Tekstiruutu 68">
            <a:extLst>
              <a:ext uri="{FF2B5EF4-FFF2-40B4-BE49-F238E27FC236}">
                <a16:creationId xmlns:a16="http://schemas.microsoft.com/office/drawing/2014/main" id="{60E7AC88-7A0C-4BF2-B09D-4D4C97DE1CEA}"/>
              </a:ext>
            </a:extLst>
          </p:cNvPr>
          <p:cNvSpPr txBox="1"/>
          <p:nvPr/>
        </p:nvSpPr>
        <p:spPr>
          <a:xfrm>
            <a:off x="79854" y="3748457"/>
            <a:ext cx="2432516" cy="73866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i-FI" sz="1400" b="1" i="0" u="sng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Palvelualueiden johtoryhmät</a:t>
            </a:r>
            <a:endParaRPr kumimoji="0" lang="fi-FI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Poppins ExtraLight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i-FI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Hyvinvointialueen tavoitetila (työpaja)</a:t>
            </a:r>
          </a:p>
        </p:txBody>
      </p:sp>
      <p:sp>
        <p:nvSpPr>
          <p:cNvPr id="70" name="Tekstiruutu 69">
            <a:extLst>
              <a:ext uri="{FF2B5EF4-FFF2-40B4-BE49-F238E27FC236}">
                <a16:creationId xmlns:a16="http://schemas.microsoft.com/office/drawing/2014/main" id="{352A582D-EE09-43C5-953D-21C03390DA45}"/>
              </a:ext>
            </a:extLst>
          </p:cNvPr>
          <p:cNvSpPr txBox="1"/>
          <p:nvPr/>
        </p:nvSpPr>
        <p:spPr>
          <a:xfrm>
            <a:off x="58006" y="4483779"/>
            <a:ext cx="2655350" cy="73866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i-FI" sz="1400" b="1" i="0" u="sng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Henkilöstö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i-FI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Alueen yhteinen arvopohja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i-FI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ja missio (verkkokysely)</a:t>
            </a:r>
          </a:p>
        </p:txBody>
      </p:sp>
      <p:sp>
        <p:nvSpPr>
          <p:cNvPr id="71" name="Tekstiruutu 70">
            <a:extLst>
              <a:ext uri="{FF2B5EF4-FFF2-40B4-BE49-F238E27FC236}">
                <a16:creationId xmlns:a16="http://schemas.microsoft.com/office/drawing/2014/main" id="{81C1D382-2DBB-455E-88EF-BE91C9C7DDC3}"/>
              </a:ext>
            </a:extLst>
          </p:cNvPr>
          <p:cNvSpPr txBox="1"/>
          <p:nvPr/>
        </p:nvSpPr>
        <p:spPr>
          <a:xfrm>
            <a:off x="41865" y="5245131"/>
            <a:ext cx="2510101" cy="73866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i-FI" sz="1400" b="1" i="0" u="sng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Asukkaat</a:t>
            </a:r>
            <a:endParaRPr kumimoji="0" lang="fi-FI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Poppins ExtraLight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i-FI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Odotukset hyvinvointialueelle, palvelulupaus (verkkokysely) </a:t>
            </a:r>
          </a:p>
        </p:txBody>
      </p:sp>
      <p:sp>
        <p:nvSpPr>
          <p:cNvPr id="73" name="Tekstiruutu 72">
            <a:extLst>
              <a:ext uri="{FF2B5EF4-FFF2-40B4-BE49-F238E27FC236}">
                <a16:creationId xmlns:a16="http://schemas.microsoft.com/office/drawing/2014/main" id="{9DBBCD97-6419-46C4-9F95-5DB1422EF0FD}"/>
              </a:ext>
            </a:extLst>
          </p:cNvPr>
          <p:cNvSpPr txBox="1"/>
          <p:nvPr/>
        </p:nvSpPr>
        <p:spPr>
          <a:xfrm>
            <a:off x="7296242" y="4915469"/>
            <a:ext cx="2295594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i-FI" sz="1400" b="1" i="0" u="sng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Vaikuttamistoimielimet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i-FI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Luonnoksen kommentointi</a:t>
            </a:r>
          </a:p>
        </p:txBody>
      </p:sp>
      <p:sp>
        <p:nvSpPr>
          <p:cNvPr id="74" name="Tekstiruutu 73">
            <a:extLst>
              <a:ext uri="{FF2B5EF4-FFF2-40B4-BE49-F238E27FC236}">
                <a16:creationId xmlns:a16="http://schemas.microsoft.com/office/drawing/2014/main" id="{5A86C6E1-FC8C-458E-B50E-C852A8BD5D98}"/>
              </a:ext>
            </a:extLst>
          </p:cNvPr>
          <p:cNvSpPr txBox="1"/>
          <p:nvPr/>
        </p:nvSpPr>
        <p:spPr>
          <a:xfrm>
            <a:off x="1052182" y="2927214"/>
            <a:ext cx="282583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i-FI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Ideointi ja aineiston kerääminen</a:t>
            </a:r>
          </a:p>
        </p:txBody>
      </p:sp>
      <p:sp>
        <p:nvSpPr>
          <p:cNvPr id="75" name="Tekstiruutu 74">
            <a:extLst>
              <a:ext uri="{FF2B5EF4-FFF2-40B4-BE49-F238E27FC236}">
                <a16:creationId xmlns:a16="http://schemas.microsoft.com/office/drawing/2014/main" id="{868CB514-43DC-4092-8418-905FC9C512EC}"/>
              </a:ext>
            </a:extLst>
          </p:cNvPr>
          <p:cNvSpPr txBox="1"/>
          <p:nvPr/>
        </p:nvSpPr>
        <p:spPr>
          <a:xfrm>
            <a:off x="4089183" y="2936517"/>
            <a:ext cx="2084417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i-FI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Luonnoksen valmistelu</a:t>
            </a:r>
          </a:p>
        </p:txBody>
      </p:sp>
      <p:sp>
        <p:nvSpPr>
          <p:cNvPr id="78" name="Tekstiruutu 77">
            <a:extLst>
              <a:ext uri="{FF2B5EF4-FFF2-40B4-BE49-F238E27FC236}">
                <a16:creationId xmlns:a16="http://schemas.microsoft.com/office/drawing/2014/main" id="{8CCCE4CC-E275-4B49-AB48-9E24AE005FED}"/>
              </a:ext>
            </a:extLst>
          </p:cNvPr>
          <p:cNvSpPr txBox="1"/>
          <p:nvPr/>
        </p:nvSpPr>
        <p:spPr>
          <a:xfrm>
            <a:off x="6415569" y="2957416"/>
            <a:ext cx="224240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i-FI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Kommentit ja viimeistely</a:t>
            </a:r>
          </a:p>
        </p:txBody>
      </p:sp>
      <p:sp>
        <p:nvSpPr>
          <p:cNvPr id="79" name="Tekstiruutu 78">
            <a:extLst>
              <a:ext uri="{FF2B5EF4-FFF2-40B4-BE49-F238E27FC236}">
                <a16:creationId xmlns:a16="http://schemas.microsoft.com/office/drawing/2014/main" id="{5C874AF3-F5EE-4BFF-B80F-8A6321CE5C61}"/>
              </a:ext>
            </a:extLst>
          </p:cNvPr>
          <p:cNvSpPr txBox="1"/>
          <p:nvPr/>
        </p:nvSpPr>
        <p:spPr>
          <a:xfrm>
            <a:off x="9065759" y="2946365"/>
            <a:ext cx="139929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i-FI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Päätöksenteko</a:t>
            </a:r>
          </a:p>
        </p:txBody>
      </p:sp>
      <p:sp>
        <p:nvSpPr>
          <p:cNvPr id="80" name="Oikea aaltosulje 79">
            <a:extLst>
              <a:ext uri="{FF2B5EF4-FFF2-40B4-BE49-F238E27FC236}">
                <a16:creationId xmlns:a16="http://schemas.microsoft.com/office/drawing/2014/main" id="{4F710C8D-6D42-4E45-8336-0A5A7205F3BA}"/>
              </a:ext>
            </a:extLst>
          </p:cNvPr>
          <p:cNvSpPr/>
          <p:nvPr/>
        </p:nvSpPr>
        <p:spPr>
          <a:xfrm>
            <a:off x="2399084" y="3730805"/>
            <a:ext cx="469189" cy="2276588"/>
          </a:xfrm>
          <a:prstGeom prst="righ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Poppins ExtraLight"/>
              <a:ea typeface="+mn-ea"/>
              <a:cs typeface="+mn-cs"/>
            </a:endParaRPr>
          </a:p>
        </p:txBody>
      </p:sp>
      <p:sp>
        <p:nvSpPr>
          <p:cNvPr id="52" name="Text Placeholder 3">
            <a:extLst>
              <a:ext uri="{FF2B5EF4-FFF2-40B4-BE49-F238E27FC236}">
                <a16:creationId xmlns:a16="http://schemas.microsoft.com/office/drawing/2014/main" id="{86AA1564-C33F-4D37-B3E2-825F7B168BBC}"/>
              </a:ext>
            </a:extLst>
          </p:cNvPr>
          <p:cNvSpPr txBox="1">
            <a:spLocks/>
          </p:cNvSpPr>
          <p:nvPr/>
        </p:nvSpPr>
        <p:spPr bwMode="gray">
          <a:xfrm>
            <a:off x="10107375" y="3420170"/>
            <a:ext cx="2314019" cy="1485083"/>
          </a:xfrm>
          <a:prstGeom prst="rect">
            <a:avLst/>
          </a:prstGeom>
          <a:ln>
            <a:noFill/>
          </a:ln>
        </p:spPr>
        <p:txBody>
          <a:bodyPr vert="horz" wrap="square" lIns="0" tIns="1044000" rIns="0" bIns="0" rtlCol="0" anchor="t">
            <a:spAutoFit/>
          </a:bodyPr>
          <a:lstStyle>
            <a:defPPr>
              <a:defRPr lang="en-US"/>
            </a:defPPr>
            <a:lvl2pPr marL="0" lvl="1">
              <a:spcBef>
                <a:spcPts val="1200"/>
              </a:spcBef>
              <a:buSzPct val="100000"/>
              <a:defRPr sz="1200" b="1">
                <a:solidFill>
                  <a:schemeClr val="accent1"/>
                </a:solidFill>
              </a:defRPr>
            </a:lvl2pPr>
          </a:lstStyle>
          <a:p>
            <a:pPr marL="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/>
            </a:pPr>
            <a:r>
              <a:rPr kumimoji="0" lang="fi-FI" sz="1400" b="1" i="0" u="sng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Aluevaltuusto</a:t>
            </a:r>
            <a:r>
              <a:rPr kumimoji="0" lang="fi-FI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 </a:t>
            </a:r>
            <a:r>
              <a:rPr kumimoji="0" lang="fi-FI" sz="140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 ExtraLight"/>
                <a:ea typeface="+mn-ea"/>
                <a:cs typeface="+mn-cs"/>
              </a:rPr>
              <a:t>hyväksyy talousarvion 2023</a:t>
            </a:r>
          </a:p>
        </p:txBody>
      </p:sp>
    </p:spTree>
    <p:extLst>
      <p:ext uri="{BB962C8B-B14F-4D97-AF65-F5344CB8AC3E}">
        <p14:creationId xmlns:p14="http://schemas.microsoft.com/office/powerpoint/2010/main" val="33752179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1853463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PRESENTATIONDONOTDELETE" val="&lt;?xml version=&quot;1.0&quot; encoding=&quot;UTF-16&quot; standalone=&quot;yes&quot;?&gt;&lt;root reqver=&quot;27037&quot;&gt;&lt;version val=&quot;32426&quot;/&gt;&lt;CPresentation id=&quot;1&quot;&gt;&lt;m_precDefaultNumber&gt;&lt;m_yearfmt&gt;&lt;begin val=&quot;0&quot;/&gt;&lt;end val=&quot;4&quot;/&gt;&lt;/m_yearfmt&gt;&lt;/m_precDefaultNumber&gt;&lt;m_precDefaultPercent&gt;&lt;m_yearfmt&gt;&lt;begin val=&quot;0&quot;/&gt;&lt;end val=&quot;4&quot;/&gt;&lt;/m_yearfmt&gt;&lt;/m_precDefaultPercent&gt;&lt;m_precDefaultDate&gt;&lt;m_bNumberIsYear val=&quot;0&quot;/&gt;&lt;m_strFormatTime&gt;%#d.%#m.%Y&lt;/m_strFormatTime&gt;&lt;m_yearfmt&gt;&lt;begin val=&quot;0&quot;/&gt;&lt;end val=&quot;0&quot;/&gt;&lt;/m_yearfmt&gt;&lt;/m_precDefaultDate&gt;&lt;m_precDefaultDay&gt;&lt;m_bNumberIsYear val=&quot;0&quot;/&gt;&lt;m_strFormatTime&gt;%#d&lt;/m_strFormatTime&gt;&lt;m_yearfmt&gt;&lt;begin val=&quot;0&quot;/&gt;&lt;end val=&quot;4&quot;/&gt;&lt;/m_yearfmt&gt;&lt;/m_precDefaultDay&gt;&lt;m_precDefaultWeek&gt;&lt;m_bNumberIsYear val=&quot;0&quot;/&gt;&lt;m_strFormatTime&gt;%4&lt;/m_strFormatTime&gt;&lt;m_yearfmt&gt;&lt;begin val=&quot;0&quot;/&gt;&lt;end val=&quot;4&quot;/&gt;&lt;/m_yearfmt&gt;&lt;/m_precDefaultWeek&gt;&lt;m_precDefaultMonth&gt;&lt;m_bNumberIsYear val=&quot;0&quot;/&gt;&lt;m_strFormatTime&gt;%1&lt;/m_strFormatTime&gt;&lt;m_yearfmt&gt;&lt;begin val=&quot;0&quot;/&gt;&lt;end val=&quot;4&quot;/&gt;&lt;/m_yearfmt&gt;&lt;/m_precDefaultMonth&gt;&lt;m_precDefaultQuarter&gt;&lt;m_bNumberIsYear val=&quot;0&quot;/&gt;&lt;m_strFormatTime&gt;Q%5&lt;/m_strFormatTime&gt;&lt;m_yearfmt&gt;&lt;begin val=&quot;0&quot;/&gt;&lt;end val=&quot;4&quot;/&gt;&lt;/m_yearfmt&gt;&lt;/m_precDefaultQuarter&gt;&lt;m_precDefaultYear&gt;&lt;m_bNumberIsYear val=&quot;0&quot;/&gt;&lt;m_strFormatTime&gt;%Y&lt;/m_strFormatTime&gt;&lt;m_yearfmt&gt;&lt;begin val=&quot;0&quot;/&gt;&lt;end val=&quot;0&quot;/&gt;&lt;/m_yearfmt&gt;&lt;/m_precDefaultYear&gt;&lt;m_precDefaultFYDay&gt;&lt;m_yearfmt&gt;&lt;begin val=&quot;0&quot;/&gt;&lt;end val=&quot;4&quot;/&gt;&lt;/m_yearfmt&gt;&lt;/m_precDefaultFYDay&gt;&lt;m_precDefaultFYWeek&gt;&lt;m_yearfmt&gt;&lt;begin val=&quot;0&quot;/&gt;&lt;end val=&quot;4&quot;/&gt;&lt;/m_yearfmt&gt;&lt;/m_precDefaultFYWeek&gt;&lt;m_precDefaultFYMonth&gt;&lt;m_yearfmt&gt;&lt;begin val=&quot;0&quot;/&gt;&lt;end val=&quot;4&quot;/&gt;&lt;/m_yearfmt&gt;&lt;/m_precDefaultFYMonth&gt;&lt;m_precDefaultFYQuarter&gt;&lt;m_yearfmt&gt;&lt;begin val=&quot;0&quot;/&gt;&lt;end val=&quot;4&quot;/&gt;&lt;/m_yearfmt&gt;&lt;/m_precDefaultFYQuarter&gt;&lt;m_precDefaultFYYear&gt;&lt;m_yearfmt&gt;&lt;begin val=&quot;0&quot;/&gt;&lt;end val=&quot;4&quot;/&gt;&lt;/m_yearfmt&gt;&lt;/m_precDefaultFYYear&gt;&lt;m_mruColor&gt;&lt;m_vecMRU length=&quot;0&quot;/&gt;&lt;/m_mruColor&gt;&lt;m_eweekdayFirstOfWeek val=&quot;2&quot;/&gt;&lt;m_eweekdayFirstOfWorkweek val=&quot;2&quot;/&gt;&lt;m_eweekdayFirstOfWeekend val=&quot;7&quot;/&gt;&lt;/CPresentation&gt;&lt;/root&gt;"/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1109117255563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TULsote_ja_rakenneuudistus">
  <a:themeElements>
    <a:clrScheme name="Vakesot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311F83"/>
      </a:accent1>
      <a:accent2>
        <a:srgbClr val="76CBF3"/>
      </a:accent2>
      <a:accent3>
        <a:srgbClr val="00983A"/>
      </a:accent3>
      <a:accent4>
        <a:srgbClr val="74B72B"/>
      </a:accent4>
      <a:accent5>
        <a:srgbClr val="E6007E"/>
      </a:accent5>
      <a:accent6>
        <a:srgbClr val="EA5297"/>
      </a:accent6>
      <a:hlink>
        <a:srgbClr val="0563C1"/>
      </a:hlink>
      <a:folHlink>
        <a:srgbClr val="954F72"/>
      </a:folHlink>
    </a:clrScheme>
    <a:fontScheme name="Vakesote">
      <a:majorFont>
        <a:latin typeface="Poppins Black"/>
        <a:ea typeface=""/>
        <a:cs typeface=""/>
      </a:majorFont>
      <a:minorFont>
        <a:latin typeface="Poppins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10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1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8_DIat sinisellä taustalla">
  <a:themeElements>
    <a:clrScheme name="Main Theme">
      <a:dk1>
        <a:srgbClr val="000000"/>
      </a:dk1>
      <a:lt1>
        <a:srgbClr val="FFFFFF"/>
      </a:lt1>
      <a:dk2>
        <a:srgbClr val="FFFFFF"/>
      </a:dk2>
      <a:lt2>
        <a:srgbClr val="FFFFFF"/>
      </a:lt2>
      <a:accent1>
        <a:srgbClr val="4177C9"/>
      </a:accent1>
      <a:accent2>
        <a:srgbClr val="4177C9"/>
      </a:accent2>
      <a:accent3>
        <a:srgbClr val="F9FAFD"/>
      </a:accent3>
      <a:accent4>
        <a:srgbClr val="8CADDE"/>
      </a:accent4>
      <a:accent5>
        <a:srgbClr val="B3C8E9"/>
      </a:accent5>
      <a:accent6>
        <a:srgbClr val="2E2E2E"/>
      </a:accent6>
      <a:hlink>
        <a:srgbClr val="2E2E2E"/>
      </a:hlink>
      <a:folHlink>
        <a:srgbClr val="4177C9"/>
      </a:folHlink>
    </a:clrScheme>
    <a:fontScheme name="Custom 2">
      <a:majorFont>
        <a:latin typeface="Roboto Black"/>
        <a:ea typeface=""/>
        <a:cs typeface=""/>
      </a:majorFont>
      <a:minorFont>
        <a:latin typeface="Roboto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7_DIat sinisellä taustalla">
  <a:themeElements>
    <a:clrScheme name="Main Theme">
      <a:dk1>
        <a:srgbClr val="000000"/>
      </a:dk1>
      <a:lt1>
        <a:srgbClr val="FFFFFF"/>
      </a:lt1>
      <a:dk2>
        <a:srgbClr val="FFFFFF"/>
      </a:dk2>
      <a:lt2>
        <a:srgbClr val="FFFFFF"/>
      </a:lt2>
      <a:accent1>
        <a:srgbClr val="4177C9"/>
      </a:accent1>
      <a:accent2>
        <a:srgbClr val="4177C9"/>
      </a:accent2>
      <a:accent3>
        <a:srgbClr val="F9FAFD"/>
      </a:accent3>
      <a:accent4>
        <a:srgbClr val="8CADDE"/>
      </a:accent4>
      <a:accent5>
        <a:srgbClr val="B3C8E9"/>
      </a:accent5>
      <a:accent6>
        <a:srgbClr val="2E2E2E"/>
      </a:accent6>
      <a:hlink>
        <a:srgbClr val="2E2E2E"/>
      </a:hlink>
      <a:folHlink>
        <a:srgbClr val="4177C9"/>
      </a:folHlink>
    </a:clrScheme>
    <a:fontScheme name="Custom 2">
      <a:majorFont>
        <a:latin typeface="Roboto Black"/>
        <a:ea typeface=""/>
        <a:cs typeface=""/>
      </a:majorFont>
      <a:minorFont>
        <a:latin typeface="Roboto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9_DIat sinisellä taustalla">
  <a:themeElements>
    <a:clrScheme name="Main Theme">
      <a:dk1>
        <a:srgbClr val="000000"/>
      </a:dk1>
      <a:lt1>
        <a:srgbClr val="FFFFFF"/>
      </a:lt1>
      <a:dk2>
        <a:srgbClr val="FFFFFF"/>
      </a:dk2>
      <a:lt2>
        <a:srgbClr val="FFFFFF"/>
      </a:lt2>
      <a:accent1>
        <a:srgbClr val="4177C9"/>
      </a:accent1>
      <a:accent2>
        <a:srgbClr val="4177C9"/>
      </a:accent2>
      <a:accent3>
        <a:srgbClr val="F9FAFD"/>
      </a:accent3>
      <a:accent4>
        <a:srgbClr val="8CADDE"/>
      </a:accent4>
      <a:accent5>
        <a:srgbClr val="B3C8E9"/>
      </a:accent5>
      <a:accent6>
        <a:srgbClr val="2E2E2E"/>
      </a:accent6>
      <a:hlink>
        <a:srgbClr val="2E2E2E"/>
      </a:hlink>
      <a:folHlink>
        <a:srgbClr val="4177C9"/>
      </a:folHlink>
    </a:clrScheme>
    <a:fontScheme name="Custom 2">
      <a:majorFont>
        <a:latin typeface="Roboto Black"/>
        <a:ea typeface=""/>
        <a:cs typeface=""/>
      </a:majorFont>
      <a:minorFont>
        <a:latin typeface="Roboto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1_DIat sinisellä taustalla">
  <a:themeElements>
    <a:clrScheme name="Main Theme">
      <a:dk1>
        <a:srgbClr val="000000"/>
      </a:dk1>
      <a:lt1>
        <a:srgbClr val="FFFFFF"/>
      </a:lt1>
      <a:dk2>
        <a:srgbClr val="FFFFFF"/>
      </a:dk2>
      <a:lt2>
        <a:srgbClr val="FFFFFF"/>
      </a:lt2>
      <a:accent1>
        <a:srgbClr val="4177C9"/>
      </a:accent1>
      <a:accent2>
        <a:srgbClr val="4177C9"/>
      </a:accent2>
      <a:accent3>
        <a:srgbClr val="F9FAFD"/>
      </a:accent3>
      <a:accent4>
        <a:srgbClr val="8CADDE"/>
      </a:accent4>
      <a:accent5>
        <a:srgbClr val="B3C8E9"/>
      </a:accent5>
      <a:accent6>
        <a:srgbClr val="2E2E2E"/>
      </a:accent6>
      <a:hlink>
        <a:srgbClr val="2E2E2E"/>
      </a:hlink>
      <a:folHlink>
        <a:srgbClr val="4177C9"/>
      </a:folHlink>
    </a:clrScheme>
    <a:fontScheme name="Custom 2">
      <a:majorFont>
        <a:latin typeface="Roboto Black"/>
        <a:ea typeface=""/>
        <a:cs typeface=""/>
      </a:majorFont>
      <a:minorFont>
        <a:latin typeface="Roboto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6.xml><?xml version="1.0" encoding="utf-8"?>
<a:theme xmlns:a="http://schemas.openxmlformats.org/drawingml/2006/main" name="2_DIat sinisellä taustalla">
  <a:themeElements>
    <a:clrScheme name="Main Theme">
      <a:dk1>
        <a:srgbClr val="000000"/>
      </a:dk1>
      <a:lt1>
        <a:srgbClr val="FFFFFF"/>
      </a:lt1>
      <a:dk2>
        <a:srgbClr val="FFFFFF"/>
      </a:dk2>
      <a:lt2>
        <a:srgbClr val="FFFFFF"/>
      </a:lt2>
      <a:accent1>
        <a:srgbClr val="4177C9"/>
      </a:accent1>
      <a:accent2>
        <a:srgbClr val="4177C9"/>
      </a:accent2>
      <a:accent3>
        <a:srgbClr val="F9FAFD"/>
      </a:accent3>
      <a:accent4>
        <a:srgbClr val="8CADDE"/>
      </a:accent4>
      <a:accent5>
        <a:srgbClr val="B3C8E9"/>
      </a:accent5>
      <a:accent6>
        <a:srgbClr val="2E2E2E"/>
      </a:accent6>
      <a:hlink>
        <a:srgbClr val="2E2E2E"/>
      </a:hlink>
      <a:folHlink>
        <a:srgbClr val="4177C9"/>
      </a:folHlink>
    </a:clrScheme>
    <a:fontScheme name="Custom 2">
      <a:majorFont>
        <a:latin typeface="Roboto Black"/>
        <a:ea typeface=""/>
        <a:cs typeface=""/>
      </a:majorFont>
      <a:minorFont>
        <a:latin typeface="Roboto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7.xml><?xml version="1.0" encoding="utf-8"?>
<a:theme xmlns:a="http://schemas.openxmlformats.org/drawingml/2006/main" name="3_DIat sinisellä taustalla">
  <a:themeElements>
    <a:clrScheme name="Main Theme">
      <a:dk1>
        <a:srgbClr val="000000"/>
      </a:dk1>
      <a:lt1>
        <a:srgbClr val="FFFFFF"/>
      </a:lt1>
      <a:dk2>
        <a:srgbClr val="FFFFFF"/>
      </a:dk2>
      <a:lt2>
        <a:srgbClr val="FFFFFF"/>
      </a:lt2>
      <a:accent1>
        <a:srgbClr val="4177C9"/>
      </a:accent1>
      <a:accent2>
        <a:srgbClr val="4177C9"/>
      </a:accent2>
      <a:accent3>
        <a:srgbClr val="F9FAFD"/>
      </a:accent3>
      <a:accent4>
        <a:srgbClr val="8CADDE"/>
      </a:accent4>
      <a:accent5>
        <a:srgbClr val="B3C8E9"/>
      </a:accent5>
      <a:accent6>
        <a:srgbClr val="2E2E2E"/>
      </a:accent6>
      <a:hlink>
        <a:srgbClr val="2E2E2E"/>
      </a:hlink>
      <a:folHlink>
        <a:srgbClr val="4177C9"/>
      </a:folHlink>
    </a:clrScheme>
    <a:fontScheme name="Custom 2">
      <a:majorFont>
        <a:latin typeface="Roboto Black"/>
        <a:ea typeface=""/>
        <a:cs typeface=""/>
      </a:majorFont>
      <a:minorFont>
        <a:latin typeface="Roboto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8.xml><?xml version="1.0" encoding="utf-8"?>
<a:theme xmlns:a="http://schemas.openxmlformats.org/drawingml/2006/main" name="4_DIat sinisellä taustalla">
  <a:themeElements>
    <a:clrScheme name="Main Theme">
      <a:dk1>
        <a:srgbClr val="000000"/>
      </a:dk1>
      <a:lt1>
        <a:srgbClr val="FFFFFF"/>
      </a:lt1>
      <a:dk2>
        <a:srgbClr val="FFFFFF"/>
      </a:dk2>
      <a:lt2>
        <a:srgbClr val="FFFFFF"/>
      </a:lt2>
      <a:accent1>
        <a:srgbClr val="4177C9"/>
      </a:accent1>
      <a:accent2>
        <a:srgbClr val="4177C9"/>
      </a:accent2>
      <a:accent3>
        <a:srgbClr val="F9FAFD"/>
      </a:accent3>
      <a:accent4>
        <a:srgbClr val="8CADDE"/>
      </a:accent4>
      <a:accent5>
        <a:srgbClr val="B3C8E9"/>
      </a:accent5>
      <a:accent6>
        <a:srgbClr val="2E2E2E"/>
      </a:accent6>
      <a:hlink>
        <a:srgbClr val="2E2E2E"/>
      </a:hlink>
      <a:folHlink>
        <a:srgbClr val="4177C9"/>
      </a:folHlink>
    </a:clrScheme>
    <a:fontScheme name="Custom 2">
      <a:majorFont>
        <a:latin typeface="Roboto Black"/>
        <a:ea typeface=""/>
        <a:cs typeface=""/>
      </a:majorFont>
      <a:minorFont>
        <a:latin typeface="Roboto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9.xml><?xml version="1.0" encoding="utf-8"?>
<a:theme xmlns:a="http://schemas.openxmlformats.org/drawingml/2006/main" name="1_TULsote_ja_rakenneuudistus">
  <a:themeElements>
    <a:clrScheme name="Vakesot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311F83"/>
      </a:accent1>
      <a:accent2>
        <a:srgbClr val="76CBF3"/>
      </a:accent2>
      <a:accent3>
        <a:srgbClr val="00983A"/>
      </a:accent3>
      <a:accent4>
        <a:srgbClr val="74B72B"/>
      </a:accent4>
      <a:accent5>
        <a:srgbClr val="E6007E"/>
      </a:accent5>
      <a:accent6>
        <a:srgbClr val="EA5297"/>
      </a:accent6>
      <a:hlink>
        <a:srgbClr val="0563C1"/>
      </a:hlink>
      <a:folHlink>
        <a:srgbClr val="954F72"/>
      </a:folHlink>
    </a:clrScheme>
    <a:fontScheme name="Vakesote">
      <a:majorFont>
        <a:latin typeface="Poppins Black"/>
        <a:ea typeface=""/>
        <a:cs typeface=""/>
      </a:majorFont>
      <a:minorFont>
        <a:latin typeface="Poppins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Asiakirja" ma:contentTypeID="0x010100198A35F900E1F14F87E1363A3476E7A0" ma:contentTypeVersion="2" ma:contentTypeDescription="Luo uusi asiakirja." ma:contentTypeScope="" ma:versionID="a2aa6e6c9a852027df5addcc82780c69">
  <xsd:schema xmlns:xsd="http://www.w3.org/2001/XMLSchema" xmlns:xs="http://www.w3.org/2001/XMLSchema" xmlns:p="http://schemas.microsoft.com/office/2006/metadata/properties" xmlns:ns2="38626b0c-4d73-4188-b061-81494d702e4c" targetNamespace="http://schemas.microsoft.com/office/2006/metadata/properties" ma:root="true" ma:fieldsID="d0a79164bf21e94f48d12e8ad39e3696" ns2:_="">
    <xsd:import namespace="38626b0c-4d73-4188-b061-81494d702e4c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8626b0c-4d73-4188-b061-81494d702e4c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Sisältölaji"/>
        <xsd:element ref="dc:title" minOccurs="0" maxOccurs="1" ma:index="4" ma:displayName="Otsikk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179F2D78-8468-43CB-BF6A-C8905706AE0C}">
  <ds:schemaRefs>
    <ds:schemaRef ds:uri="38626b0c-4d73-4188-b061-81494d702e4c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2.xml><?xml version="1.0" encoding="utf-8"?>
<ds:datastoreItem xmlns:ds="http://schemas.openxmlformats.org/officeDocument/2006/customXml" ds:itemID="{162A1980-D82B-4EFF-B6E9-BBC8661568AE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3E0BFA90-CB2A-4438-88F8-D8898C36CDA6}">
  <ds:schemaRefs>
    <ds:schemaRef ds:uri="38626b0c-4d73-4188-b061-81494d702e4c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97</TotalTime>
  <Words>765</Words>
  <Application>Microsoft Office PowerPoint</Application>
  <PresentationFormat>Laajakuva</PresentationFormat>
  <Paragraphs>141</Paragraphs>
  <Slides>7</Slides>
  <Notes>3</Notes>
  <HiddenSlides>0</HiddenSlides>
  <MMClips>0</MMClips>
  <ScaleCrop>false</ScaleCrop>
  <HeadingPairs>
    <vt:vector size="8" baseType="variant">
      <vt:variant>
        <vt:lpstr>Käytetyt fontit</vt:lpstr>
      </vt:variant>
      <vt:variant>
        <vt:i4>15</vt:i4>
      </vt:variant>
      <vt:variant>
        <vt:lpstr>Teema</vt:lpstr>
      </vt:variant>
      <vt:variant>
        <vt:i4>9</vt:i4>
      </vt:variant>
      <vt:variant>
        <vt:lpstr>Upotetut OLE-palvelimet</vt:lpstr>
      </vt:variant>
      <vt:variant>
        <vt:i4>1</vt:i4>
      </vt:variant>
      <vt:variant>
        <vt:lpstr>Dian otsikot</vt:lpstr>
      </vt:variant>
      <vt:variant>
        <vt:i4>7</vt:i4>
      </vt:variant>
    </vt:vector>
  </HeadingPairs>
  <TitlesOfParts>
    <vt:vector size="32" baseType="lpstr">
      <vt:lpstr>Wingdings 2</vt:lpstr>
      <vt:lpstr>Roboto Light</vt:lpstr>
      <vt:lpstr>Poppins ExtraLight</vt:lpstr>
      <vt:lpstr>Roboto Black</vt:lpstr>
      <vt:lpstr>Montserrat SemiBold</vt:lpstr>
      <vt:lpstr>Montserrat</vt:lpstr>
      <vt:lpstr>Montserrat Medium</vt:lpstr>
      <vt:lpstr>Calibri Light</vt:lpstr>
      <vt:lpstr>Arial</vt:lpstr>
      <vt:lpstr>Calibri Normaali</vt:lpstr>
      <vt:lpstr>Poppins Black</vt:lpstr>
      <vt:lpstr>Poppins SemiBold</vt:lpstr>
      <vt:lpstr>Poppins ExtraBold</vt:lpstr>
      <vt:lpstr>Verdana</vt:lpstr>
      <vt:lpstr>Calibri</vt:lpstr>
      <vt:lpstr>TULsote_ja_rakenneuudistus</vt:lpstr>
      <vt:lpstr>8_DIat sinisellä taustalla</vt:lpstr>
      <vt:lpstr>7_DIat sinisellä taustalla</vt:lpstr>
      <vt:lpstr>9_DIat sinisellä taustalla</vt:lpstr>
      <vt:lpstr>1_DIat sinisellä taustalla</vt:lpstr>
      <vt:lpstr>2_DIat sinisellä taustalla</vt:lpstr>
      <vt:lpstr>3_DIat sinisellä taustalla</vt:lpstr>
      <vt:lpstr>4_DIat sinisellä taustalla</vt:lpstr>
      <vt:lpstr>1_TULsote_ja_rakenneuudistus</vt:lpstr>
      <vt:lpstr>think-cell Slide</vt:lpstr>
      <vt:lpstr>Vantaan ja Keravan hyvinvointialueen strategiaprosessi</vt:lpstr>
      <vt:lpstr>Lainsäädännön edellyttämät strategiset ohjausasiakirjat</vt:lpstr>
      <vt:lpstr>Hyvinvointialuestrategiaan vaikuttavia taustatekijöitä</vt:lpstr>
      <vt:lpstr>Hyvinvointialueen strategian vaiheistus ja syveneminen</vt:lpstr>
      <vt:lpstr>Strategiavalmistelun vuosikello 2022</vt:lpstr>
      <vt:lpstr>Strategiavalmistelun aikataulu 2022, osallisuussuunnitelma</vt:lpstr>
      <vt:lpstr>PowerPoint-esity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eponen Matti</dc:creator>
  <cp:lastModifiedBy>Juosila Marianne</cp:lastModifiedBy>
  <cp:revision>3</cp:revision>
  <dcterms:created xsi:type="dcterms:W3CDTF">2020-12-16T08:34:10Z</dcterms:created>
  <dcterms:modified xsi:type="dcterms:W3CDTF">2022-03-08T12:41:4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198A35F900E1F14F87E1363A3476E7A0</vt:lpwstr>
  </property>
  <property fmtid="{D5CDD505-2E9C-101B-9397-08002B2CF9AE}" pid="3" name="_NewReviewCycle">
    <vt:lpwstr/>
  </property>
  <property fmtid="{D5CDD505-2E9C-101B-9397-08002B2CF9AE}" pid="4" name="MSIP_Label_ea60d57e-af5b-4752-ac57-3e4f28ca11dc_Enabled">
    <vt:lpwstr>true</vt:lpwstr>
  </property>
  <property fmtid="{D5CDD505-2E9C-101B-9397-08002B2CF9AE}" pid="5" name="MSIP_Label_ea60d57e-af5b-4752-ac57-3e4f28ca11dc_SetDate">
    <vt:lpwstr>2021-09-29T10:42:36Z</vt:lpwstr>
  </property>
  <property fmtid="{D5CDD505-2E9C-101B-9397-08002B2CF9AE}" pid="6" name="MSIP_Label_ea60d57e-af5b-4752-ac57-3e4f28ca11dc_Method">
    <vt:lpwstr>Standard</vt:lpwstr>
  </property>
  <property fmtid="{D5CDD505-2E9C-101B-9397-08002B2CF9AE}" pid="7" name="MSIP_Label_ea60d57e-af5b-4752-ac57-3e4f28ca11dc_Name">
    <vt:lpwstr>ea60d57e-af5b-4752-ac57-3e4f28ca11dc</vt:lpwstr>
  </property>
  <property fmtid="{D5CDD505-2E9C-101B-9397-08002B2CF9AE}" pid="8" name="MSIP_Label_ea60d57e-af5b-4752-ac57-3e4f28ca11dc_SiteId">
    <vt:lpwstr>36da45f1-dd2c-4d1f-af13-5abe46b99921</vt:lpwstr>
  </property>
  <property fmtid="{D5CDD505-2E9C-101B-9397-08002B2CF9AE}" pid="9" name="MSIP_Label_ea60d57e-af5b-4752-ac57-3e4f28ca11dc_ActionId">
    <vt:lpwstr>a49e90ed-90e1-494d-ae42-cb908c775942</vt:lpwstr>
  </property>
  <property fmtid="{D5CDD505-2E9C-101B-9397-08002B2CF9AE}" pid="10" name="MSIP_Label_ea60d57e-af5b-4752-ac57-3e4f28ca11dc_ContentBits">
    <vt:lpwstr>0</vt:lpwstr>
  </property>
</Properties>
</file>